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５年度\06_完成版\Excel版\"/>
    </mc:Choice>
  </mc:AlternateContent>
  <bookViews>
    <workbookView xWindow="0" yWindow="0" windowWidth="20496" windowHeight="7752" tabRatio="861"/>
  </bookViews>
  <sheets>
    <sheet name="10(1)管内まつり暦" sheetId="99" r:id="rId1"/>
    <sheet name="10(２)大規模小売店" sheetId="97" r:id="rId2"/>
    <sheet name="10(３)観光施設一覧" sheetId="98" r:id="rId3"/>
  </sheets>
  <definedNames>
    <definedName name="_xlnm._FilterDatabase" localSheetId="0" hidden="1">'10(1)管内まつり暦'!$A$6:$J$141</definedName>
    <definedName name="_Order1" hidden="1">255</definedName>
    <definedName name="_xlnm.Print_Area" localSheetId="0">'10(1)管内まつり暦'!$A$1:$H$141</definedName>
    <definedName name="_xlnm.Print_Area" localSheetId="1">'10(２)大規模小売店'!$A$1:$F$100</definedName>
    <definedName name="_xlnm.Print_Area" localSheetId="2">'10(３)観光施設一覧'!$A$1:$D$192</definedName>
    <definedName name="月報">"グラフ 1"</definedName>
  </definedNames>
  <calcPr calcId="162913"/>
</workbook>
</file>

<file path=xl/sharedStrings.xml><?xml version="1.0" encoding="utf-8"?>
<sst xmlns="http://schemas.openxmlformats.org/spreadsheetml/2006/main" count="1106" uniqueCount="894">
  <si>
    <t>小田原市</t>
    <rPh sb="0" eb="4">
      <t>オダワラシ</t>
    </rPh>
    <phoneticPr fontId="4"/>
  </si>
  <si>
    <t>小田原市</t>
    <rPh sb="0" eb="4">
      <t>オダワラシ</t>
    </rPh>
    <phoneticPr fontId="7"/>
  </si>
  <si>
    <t>山北町</t>
    <rPh sb="0" eb="2">
      <t>ヤマキタ</t>
    </rPh>
    <rPh sb="2" eb="3">
      <t>マチ</t>
    </rPh>
    <phoneticPr fontId="4"/>
  </si>
  <si>
    <t>南足柄市</t>
  </si>
  <si>
    <t>湯河原町</t>
    <rPh sb="0" eb="3">
      <t>ユガワラ</t>
    </rPh>
    <rPh sb="3" eb="4">
      <t>マチ</t>
    </rPh>
    <phoneticPr fontId="7"/>
  </si>
  <si>
    <t>小田原市</t>
    <rPh sb="0" eb="3">
      <t>オダワラ</t>
    </rPh>
    <rPh sb="3" eb="4">
      <t>シ</t>
    </rPh>
    <phoneticPr fontId="7"/>
  </si>
  <si>
    <t>「大規模小売店舗一覧」(県商業流通課)</t>
    <rPh sb="1" eb="4">
      <t>ダイキボ</t>
    </rPh>
    <rPh sb="4" eb="6">
      <t>コウリ</t>
    </rPh>
    <rPh sb="6" eb="8">
      <t>テンポ</t>
    </rPh>
    <rPh sb="8" eb="10">
      <t>イチラン</t>
    </rPh>
    <rPh sb="12" eb="13">
      <t>ケン</t>
    </rPh>
    <rPh sb="13" eb="15">
      <t>ショウギョウ</t>
    </rPh>
    <rPh sb="15" eb="17">
      <t>リュウツウ</t>
    </rPh>
    <rPh sb="17" eb="18">
      <t>カ</t>
    </rPh>
    <phoneticPr fontId="4"/>
  </si>
  <si>
    <t>(株)マキバ</t>
  </si>
  <si>
    <t>鍛冶屋28の1外</t>
    <rPh sb="0" eb="3">
      <t>カジヤ</t>
    </rPh>
    <rPh sb="7" eb="8">
      <t>ホカ</t>
    </rPh>
    <phoneticPr fontId="14"/>
  </si>
  <si>
    <t>ハンディホームセンター湯河原店</t>
  </si>
  <si>
    <t>(株)小田原百貨店</t>
  </si>
  <si>
    <t>土肥1-9の2</t>
    <rPh sb="0" eb="2">
      <t>ドイ</t>
    </rPh>
    <phoneticPr fontId="14"/>
  </si>
  <si>
    <t>小田原百貨店湯河原店</t>
  </si>
  <si>
    <t>中央1-1,617</t>
    <rPh sb="0" eb="2">
      <t>チュウオウ</t>
    </rPh>
    <phoneticPr fontId="14"/>
  </si>
  <si>
    <t>アクロスプラザ湯河原</t>
    <rPh sb="7" eb="10">
      <t>ユガワラ</t>
    </rPh>
    <phoneticPr fontId="14"/>
  </si>
  <si>
    <t>(株)マキヤ</t>
    <phoneticPr fontId="4"/>
  </si>
  <si>
    <t>吉浜1,576の47</t>
    <rPh sb="0" eb="2">
      <t>ヨシハマ</t>
    </rPh>
    <phoneticPr fontId="14"/>
  </si>
  <si>
    <t>エスポット　湯河原店</t>
    <rPh sb="6" eb="9">
      <t>ユガワラ</t>
    </rPh>
    <rPh sb="9" eb="10">
      <t>ミセ</t>
    </rPh>
    <phoneticPr fontId="14"/>
  </si>
  <si>
    <t>開店日</t>
  </si>
  <si>
    <t>主な小売業者</t>
  </si>
  <si>
    <t>所在地</t>
  </si>
  <si>
    <t>大規模小売店舗の名称</t>
  </si>
  <si>
    <t>キ．湯河原町</t>
    <rPh sb="2" eb="6">
      <t>ユガ</t>
    </rPh>
    <phoneticPr fontId="4"/>
  </si>
  <si>
    <t>S46.10.</t>
    <phoneticPr fontId="4"/>
  </si>
  <si>
    <t>―</t>
  </si>
  <si>
    <t>延沢753</t>
    <rPh sb="0" eb="1">
      <t>ノ</t>
    </rPh>
    <rPh sb="1" eb="2">
      <t>サワ</t>
    </rPh>
    <phoneticPr fontId="14"/>
  </si>
  <si>
    <t>(株)大友開成店</t>
    <phoneticPr fontId="4"/>
  </si>
  <si>
    <t>(株)関東ベスト電器</t>
    <rPh sb="3" eb="5">
      <t>カントウ</t>
    </rPh>
    <rPh sb="8" eb="10">
      <t>デンキ</t>
    </rPh>
    <phoneticPr fontId="14"/>
  </si>
  <si>
    <t>宮の台398外</t>
    <rPh sb="0" eb="1">
      <t>ミヤ</t>
    </rPh>
    <rPh sb="2" eb="3">
      <t>ダイ</t>
    </rPh>
    <rPh sb="6" eb="7">
      <t>ホカ</t>
    </rPh>
    <phoneticPr fontId="14"/>
  </si>
  <si>
    <t>開成共同ショッピングセンター</t>
  </si>
  <si>
    <t>マックスバリュ東海(株)</t>
    <rPh sb="7" eb="9">
      <t>トウカイ</t>
    </rPh>
    <phoneticPr fontId="14"/>
  </si>
  <si>
    <t>延沢745の1ほか</t>
    <rPh sb="0" eb="1">
      <t>ノブ</t>
    </rPh>
    <rPh sb="1" eb="2">
      <t>サワ</t>
    </rPh>
    <phoneticPr fontId="14"/>
  </si>
  <si>
    <t>遠藤ビル</t>
    <rPh sb="0" eb="2">
      <t>エンドウ</t>
    </rPh>
    <phoneticPr fontId="14"/>
  </si>
  <si>
    <t>マックスバリュ東海(株)</t>
  </si>
  <si>
    <t>吉田島4,350の1</t>
    <rPh sb="0" eb="2">
      <t>ヨシダ</t>
    </rPh>
    <rPh sb="2" eb="3">
      <t>ジマ</t>
    </rPh>
    <phoneticPr fontId="14"/>
  </si>
  <si>
    <t>マックスバリュ開成駅前店</t>
    <rPh sb="7" eb="9">
      <t>カイセイ</t>
    </rPh>
    <rPh sb="9" eb="11">
      <t>エキマエ</t>
    </rPh>
    <rPh sb="11" eb="12">
      <t>テン</t>
    </rPh>
    <phoneticPr fontId="14"/>
  </si>
  <si>
    <t>カ．開成町</t>
    <rPh sb="2" eb="5">
      <t>カイ</t>
    </rPh>
    <phoneticPr fontId="4"/>
  </si>
  <si>
    <t>(株)小田原百貨店</t>
    <rPh sb="3" eb="6">
      <t>オダワラ</t>
    </rPh>
    <rPh sb="6" eb="9">
      <t>ヒャッカテン</t>
    </rPh>
    <phoneticPr fontId="4"/>
  </si>
  <si>
    <t>岸字丸砂58の3ほか</t>
    <rPh sb="0" eb="1">
      <t>キシ</t>
    </rPh>
    <rPh sb="1" eb="2">
      <t>アザ</t>
    </rPh>
    <rPh sb="2" eb="3">
      <t>マル</t>
    </rPh>
    <rPh sb="3" eb="4">
      <t>スナ</t>
    </rPh>
    <phoneticPr fontId="14"/>
  </si>
  <si>
    <t>(仮称)山北ＳＣ</t>
    <rPh sb="1" eb="3">
      <t>カショウ</t>
    </rPh>
    <rPh sb="4" eb="6">
      <t>ヤマキタ</t>
    </rPh>
    <phoneticPr fontId="14"/>
  </si>
  <si>
    <t>オ．山北町</t>
    <rPh sb="2" eb="5">
      <t>ヤマキタマチ</t>
    </rPh>
    <phoneticPr fontId="4"/>
  </si>
  <si>
    <t>(株)ノジマ</t>
  </si>
  <si>
    <t>金子字中の町325の1外</t>
    <rPh sb="0" eb="2">
      <t>カネコ</t>
    </rPh>
    <rPh sb="2" eb="3">
      <t>アザ</t>
    </rPh>
    <rPh sb="3" eb="4">
      <t>ナカノマチ</t>
    </rPh>
    <rPh sb="5" eb="6">
      <t>マチ</t>
    </rPh>
    <rPh sb="11" eb="12">
      <t>ホカ</t>
    </rPh>
    <phoneticPr fontId="14"/>
  </si>
  <si>
    <t>石井ビル</t>
  </si>
  <si>
    <t>金子1,760の2外</t>
    <rPh sb="0" eb="2">
      <t>カネコ</t>
    </rPh>
    <rPh sb="9" eb="10">
      <t>ホカ</t>
    </rPh>
    <phoneticPr fontId="14"/>
  </si>
  <si>
    <t>トステムビバ大井町店</t>
    <phoneticPr fontId="4"/>
  </si>
  <si>
    <t>(株)ビッグ・ライズ</t>
    <phoneticPr fontId="4"/>
  </si>
  <si>
    <t>金子字中ノ町339の2ほか</t>
    <rPh sb="0" eb="2">
      <t>カネコ</t>
    </rPh>
    <rPh sb="2" eb="3">
      <t>アザ</t>
    </rPh>
    <rPh sb="3" eb="4">
      <t>ナカ</t>
    </rPh>
    <rPh sb="5" eb="6">
      <t>マチ</t>
    </rPh>
    <phoneticPr fontId="14"/>
  </si>
  <si>
    <t>ヤオマサ(株)</t>
  </si>
  <si>
    <t>上大井字大縄下124の1ほか</t>
    <rPh sb="0" eb="3">
      <t>カミオオイ</t>
    </rPh>
    <rPh sb="3" eb="4">
      <t>アザ</t>
    </rPh>
    <rPh sb="4" eb="5">
      <t>オオ</t>
    </rPh>
    <rPh sb="5" eb="6">
      <t>ナワ</t>
    </rPh>
    <rPh sb="6" eb="7">
      <t>シタ</t>
    </rPh>
    <phoneticPr fontId="14"/>
  </si>
  <si>
    <t>あしがらモール</t>
  </si>
  <si>
    <t>相鉄ローゼン(株)</t>
    <rPh sb="0" eb="2">
      <t>ソウテツ</t>
    </rPh>
    <phoneticPr fontId="4"/>
  </si>
  <si>
    <t>上大井字宮上322の1ほか</t>
    <rPh sb="0" eb="1">
      <t>カミ</t>
    </rPh>
    <rPh sb="1" eb="3">
      <t>オオイ</t>
    </rPh>
    <rPh sb="3" eb="4">
      <t>アザ</t>
    </rPh>
    <rPh sb="4" eb="6">
      <t>ミヤウエ</t>
    </rPh>
    <phoneticPr fontId="14"/>
  </si>
  <si>
    <t>渋谷ビル</t>
    <rPh sb="0" eb="2">
      <t>シブヤ</t>
    </rPh>
    <phoneticPr fontId="14"/>
  </si>
  <si>
    <t>金子304の1ほか</t>
    <rPh sb="0" eb="2">
      <t>カネコ</t>
    </rPh>
    <phoneticPr fontId="14"/>
  </si>
  <si>
    <t>藤田ビル　ヤオマサ大井町店</t>
    <rPh sb="0" eb="2">
      <t>フジタ</t>
    </rPh>
    <rPh sb="9" eb="12">
      <t>オオイマチ</t>
    </rPh>
    <rPh sb="12" eb="13">
      <t>ミセ</t>
    </rPh>
    <phoneticPr fontId="14"/>
  </si>
  <si>
    <t>エ．大井町</t>
    <rPh sb="2" eb="5">
      <t>オオ</t>
    </rPh>
    <phoneticPr fontId="4"/>
  </si>
  <si>
    <t>井ノ口1,846の6ほか</t>
    <rPh sb="0" eb="1">
      <t>イ</t>
    </rPh>
    <rPh sb="2" eb="3">
      <t>クチ</t>
    </rPh>
    <phoneticPr fontId="4"/>
  </si>
  <si>
    <t>ライズモール中井町</t>
    <rPh sb="6" eb="8">
      <t>ナカイ</t>
    </rPh>
    <rPh sb="8" eb="9">
      <t>マチ</t>
    </rPh>
    <phoneticPr fontId="4"/>
  </si>
  <si>
    <t>ウ．中井町</t>
    <rPh sb="2" eb="5">
      <t>ナカイチョウ</t>
    </rPh>
    <phoneticPr fontId="4"/>
  </si>
  <si>
    <t>(株)タカヨシ</t>
  </si>
  <si>
    <t>壗下382外</t>
    <rPh sb="1" eb="2">
      <t>シタ</t>
    </rPh>
    <rPh sb="5" eb="6">
      <t>ホカ</t>
    </rPh>
    <phoneticPr fontId="14"/>
  </si>
  <si>
    <t>ホームセンタータカヨシ南足柄店</t>
  </si>
  <si>
    <t>富士シティオ(株)</t>
    <rPh sb="0" eb="2">
      <t>フジ</t>
    </rPh>
    <phoneticPr fontId="14"/>
  </si>
  <si>
    <t>塚原字下駒千代2,653の1外</t>
    <rPh sb="0" eb="2">
      <t>ツカハラシ</t>
    </rPh>
    <rPh sb="2" eb="3">
      <t>ジ</t>
    </rPh>
    <rPh sb="3" eb="4">
      <t>シタ</t>
    </rPh>
    <rPh sb="4" eb="5">
      <t>コマ</t>
    </rPh>
    <rPh sb="5" eb="7">
      <t>チヨ</t>
    </rPh>
    <rPh sb="14" eb="15">
      <t>ホカ</t>
    </rPh>
    <phoneticPr fontId="14"/>
  </si>
  <si>
    <t>フルハウス塚原店</t>
  </si>
  <si>
    <t>(株)ノジマ</t>
    <phoneticPr fontId="4"/>
  </si>
  <si>
    <t>関本字南耕地591の1</t>
    <rPh sb="0" eb="2">
      <t>セキモト</t>
    </rPh>
    <rPh sb="2" eb="3">
      <t>アザ</t>
    </rPh>
    <rPh sb="3" eb="4">
      <t>ミナミ</t>
    </rPh>
    <rPh sb="4" eb="6">
      <t>コウチ</t>
    </rPh>
    <phoneticPr fontId="14"/>
  </si>
  <si>
    <t>ヴェルミ３</t>
  </si>
  <si>
    <t>マックスバリュ東海(株)</t>
    <rPh sb="10" eb="11">
      <t>カブ</t>
    </rPh>
    <phoneticPr fontId="4"/>
  </si>
  <si>
    <t>岩原289の１ほか</t>
    <phoneticPr fontId="4"/>
  </si>
  <si>
    <t>(株)ケーヨー</t>
    <rPh sb="1" eb="2">
      <t>カブ</t>
    </rPh>
    <phoneticPr fontId="4"/>
  </si>
  <si>
    <t>怒田2,816の36</t>
    <rPh sb="0" eb="1">
      <t>オコ</t>
    </rPh>
    <phoneticPr fontId="4"/>
  </si>
  <si>
    <t>ケーヨーデイツー南足柄店</t>
    <rPh sb="8" eb="12">
      <t>ミナミアシガラテン</t>
    </rPh>
    <phoneticPr fontId="4"/>
  </si>
  <si>
    <t>ヤオマサ南足柄店</t>
    <rPh sb="4" eb="5">
      <t>ミナミ</t>
    </rPh>
    <rPh sb="5" eb="7">
      <t>アシガラ</t>
    </rPh>
    <rPh sb="7" eb="8">
      <t>テン</t>
    </rPh>
    <phoneticPr fontId="14"/>
  </si>
  <si>
    <t>関本字塚田569</t>
    <rPh sb="0" eb="2">
      <t>セキモト</t>
    </rPh>
    <rPh sb="2" eb="3">
      <t>アザ</t>
    </rPh>
    <rPh sb="3" eb="5">
      <t>ツカダ</t>
    </rPh>
    <phoneticPr fontId="14"/>
  </si>
  <si>
    <t>ヴェルミ２</t>
  </si>
  <si>
    <t>イ．南足柄市</t>
    <rPh sb="2" eb="6">
      <t>ミナミ</t>
    </rPh>
    <phoneticPr fontId="4"/>
  </si>
  <si>
    <t>(株)田原屋</t>
    <rPh sb="3" eb="6">
      <t>タワラヤ</t>
    </rPh>
    <phoneticPr fontId="14"/>
  </si>
  <si>
    <t>中曽根字堂免72の1外</t>
    <rPh sb="0" eb="3">
      <t>ナカソネ</t>
    </rPh>
    <rPh sb="3" eb="4">
      <t>アザ</t>
    </rPh>
    <rPh sb="4" eb="5">
      <t>ドウ</t>
    </rPh>
    <rPh sb="5" eb="6">
      <t>メンキョ</t>
    </rPh>
    <rPh sb="10" eb="11">
      <t>ガイ</t>
    </rPh>
    <phoneticPr fontId="14"/>
  </si>
  <si>
    <t>加藤ビル</t>
    <rPh sb="0" eb="2">
      <t>カトウ</t>
    </rPh>
    <phoneticPr fontId="14"/>
  </si>
  <si>
    <t>西大友字吉岡130の3外</t>
    <rPh sb="0" eb="1">
      <t>ニシ</t>
    </rPh>
    <rPh sb="1" eb="3">
      <t>オオトモ</t>
    </rPh>
    <rPh sb="3" eb="4">
      <t>ジ</t>
    </rPh>
    <rPh sb="4" eb="6">
      <t>ヨシオカ</t>
    </rPh>
    <rPh sb="11" eb="12">
      <t>ガイ</t>
    </rPh>
    <phoneticPr fontId="14"/>
  </si>
  <si>
    <t>ヤオマサ大友店</t>
  </si>
  <si>
    <t>(株)ケーヨー</t>
  </si>
  <si>
    <t>飯泉502の3外</t>
    <rPh sb="0" eb="2">
      <t>イイズミ</t>
    </rPh>
    <rPh sb="7" eb="8">
      <t>ホカ</t>
    </rPh>
    <phoneticPr fontId="14"/>
  </si>
  <si>
    <t>ケーヨーデイツー小田原店</t>
  </si>
  <si>
    <t>箱根登山興業(株)</t>
  </si>
  <si>
    <t>板橋191の1</t>
    <rPh sb="0" eb="2">
      <t>イタバシ</t>
    </rPh>
    <phoneticPr fontId="14"/>
  </si>
  <si>
    <t>ビーバートザン小田原店</t>
  </si>
  <si>
    <t>(株)中村屋</t>
  </si>
  <si>
    <t>栄町1-14の46</t>
    <rPh sb="0" eb="2">
      <t>サカエマチ</t>
    </rPh>
    <phoneticPr fontId="14"/>
  </si>
  <si>
    <t>相産ビル</t>
  </si>
  <si>
    <t>堀之内334の1外</t>
    <rPh sb="0" eb="3">
      <t>ホリノウチ</t>
    </rPh>
    <rPh sb="8" eb="9">
      <t>ガイ</t>
    </rPh>
    <phoneticPr fontId="14"/>
  </si>
  <si>
    <t>ビーバートザン富水店</t>
  </si>
  <si>
    <t>茶半家具(株)</t>
  </si>
  <si>
    <t>栄町2,912の35</t>
    <rPh sb="0" eb="2">
      <t>サカエマチ</t>
    </rPh>
    <phoneticPr fontId="14"/>
  </si>
  <si>
    <t>茶半家具センター</t>
  </si>
  <si>
    <t>中里字桜屋123の11</t>
    <rPh sb="0" eb="2">
      <t>ナカザト</t>
    </rPh>
    <rPh sb="2" eb="3">
      <t>アザ</t>
    </rPh>
    <rPh sb="3" eb="4">
      <t>サクラ</t>
    </rPh>
    <rPh sb="4" eb="5">
      <t>ヤ</t>
    </rPh>
    <phoneticPr fontId="14"/>
  </si>
  <si>
    <t>箱根登山中里店舗</t>
    <rPh sb="0" eb="2">
      <t>ハコネ</t>
    </rPh>
    <rPh sb="2" eb="4">
      <t>トザン</t>
    </rPh>
    <rPh sb="4" eb="6">
      <t>ナカザト</t>
    </rPh>
    <rPh sb="6" eb="8">
      <t>テンポ</t>
    </rPh>
    <phoneticPr fontId="14"/>
  </si>
  <si>
    <t>ウェルストン商事(株)</t>
  </si>
  <si>
    <t>酒匂4-13の42</t>
    <rPh sb="0" eb="2">
      <t>サカワ</t>
    </rPh>
    <phoneticPr fontId="14"/>
  </si>
  <si>
    <t>丸福家具小田原店</t>
    <rPh sb="0" eb="2">
      <t>マルフク</t>
    </rPh>
    <rPh sb="2" eb="4">
      <t>カグ</t>
    </rPh>
    <rPh sb="4" eb="8">
      <t>オダワラテン</t>
    </rPh>
    <phoneticPr fontId="14"/>
  </si>
  <si>
    <t>(株)クレディセゾン</t>
  </si>
  <si>
    <t>栄町2-7の23</t>
    <rPh sb="0" eb="2">
      <t>サカエマチ</t>
    </rPh>
    <phoneticPr fontId="14"/>
  </si>
  <si>
    <t>宏和ビル</t>
  </si>
  <si>
    <t>栄町2-68の1</t>
    <rPh sb="0" eb="2">
      <t>サカエマチ</t>
    </rPh>
    <phoneticPr fontId="14"/>
  </si>
  <si>
    <t>オービックビル</t>
  </si>
  <si>
    <t>寿工業(株)、(株)小田原百貨店</t>
    <rPh sb="0" eb="1">
      <t>コトブキ</t>
    </rPh>
    <rPh sb="1" eb="3">
      <t>コウギョウ</t>
    </rPh>
    <phoneticPr fontId="14"/>
  </si>
  <si>
    <t>栢山字中丸403の2外</t>
    <rPh sb="0" eb="1">
      <t>カヤマ</t>
    </rPh>
    <rPh sb="1" eb="2">
      <t>ヤマ</t>
    </rPh>
    <rPh sb="2" eb="3">
      <t>ジ</t>
    </rPh>
    <rPh sb="3" eb="5">
      <t>ナカマル</t>
    </rPh>
    <rPh sb="10" eb="11">
      <t>ガイ</t>
    </rPh>
    <phoneticPr fontId="14"/>
  </si>
  <si>
    <t>栢山ショッピングセンター</t>
  </si>
  <si>
    <t>(株)早峰ストアー</t>
  </si>
  <si>
    <t>鴨宮236</t>
    <rPh sb="0" eb="2">
      <t>カモノミヤ</t>
    </rPh>
    <phoneticPr fontId="14"/>
  </si>
  <si>
    <t>江陽ビル</t>
  </si>
  <si>
    <t>(株)十字屋</t>
  </si>
  <si>
    <t>栄町2-8の23</t>
    <rPh sb="0" eb="2">
      <t>サカエマチ</t>
    </rPh>
    <phoneticPr fontId="14"/>
  </si>
  <si>
    <t>十字屋小田原店</t>
  </si>
  <si>
    <t>(株)寿屋百貨店</t>
  </si>
  <si>
    <t>栄町1-46</t>
    <rPh sb="0" eb="2">
      <t>サカエマチ</t>
    </rPh>
    <phoneticPr fontId="14"/>
  </si>
  <si>
    <t>西久保ビル</t>
  </si>
  <si>
    <t>栄町1-3の12</t>
    <rPh sb="0" eb="2">
      <t>サカエマチ</t>
    </rPh>
    <phoneticPr fontId="14"/>
  </si>
  <si>
    <t>報徳ビルディング</t>
  </si>
  <si>
    <t>城山1-4の1</t>
    <rPh sb="0" eb="2">
      <t>シロヤマ</t>
    </rPh>
    <phoneticPr fontId="14"/>
  </si>
  <si>
    <t>新幹線ビル</t>
  </si>
  <si>
    <t>(有)あさひや商店</t>
  </si>
  <si>
    <t>栄町2-9</t>
    <rPh sb="0" eb="2">
      <t>サカエマチ</t>
    </rPh>
    <phoneticPr fontId="14"/>
  </si>
  <si>
    <t>小田原ショッピングデパート</t>
  </si>
  <si>
    <t>(株)丸井</t>
  </si>
  <si>
    <t>栄町1-2の1</t>
    <rPh sb="0" eb="2">
      <t>サカエマチ</t>
    </rPh>
    <phoneticPr fontId="14"/>
  </si>
  <si>
    <t>小田原駅前ビル</t>
  </si>
  <si>
    <t>(株)文教堂</t>
  </si>
  <si>
    <t>栄町1-14の48</t>
    <rPh sb="0" eb="2">
      <t>サカエマチ</t>
    </rPh>
    <phoneticPr fontId="14"/>
  </si>
  <si>
    <t>新第一ビル・相産ビル</t>
  </si>
  <si>
    <t>小八幡字一丁田773の1ほか</t>
    <rPh sb="0" eb="1">
      <t>コ</t>
    </rPh>
    <rPh sb="1" eb="3">
      <t>ヤワタ</t>
    </rPh>
    <rPh sb="3" eb="4">
      <t>アザ</t>
    </rPh>
    <rPh sb="4" eb="7">
      <t>イッチョウダ</t>
    </rPh>
    <phoneticPr fontId="4"/>
  </si>
  <si>
    <t>スーパービバホーム小田原国府津店</t>
    <rPh sb="9" eb="12">
      <t>オダワラ</t>
    </rPh>
    <rPh sb="12" eb="15">
      <t>コウヅ</t>
    </rPh>
    <rPh sb="15" eb="16">
      <t>テン</t>
    </rPh>
    <phoneticPr fontId="4"/>
  </si>
  <si>
    <t>(株)ヤマダ電機</t>
    <rPh sb="6" eb="8">
      <t>デンキ</t>
    </rPh>
    <phoneticPr fontId="4"/>
  </si>
  <si>
    <t>鴨宮字六反町632の1ほか</t>
    <rPh sb="0" eb="1">
      <t>カモ</t>
    </rPh>
    <rPh sb="1" eb="2">
      <t>ミヤ</t>
    </rPh>
    <rPh sb="2" eb="3">
      <t>アザ</t>
    </rPh>
    <rPh sb="3" eb="5">
      <t>ロクタン</t>
    </rPh>
    <rPh sb="5" eb="6">
      <t>マチ</t>
    </rPh>
    <phoneticPr fontId="14"/>
  </si>
  <si>
    <t>テックランド鴨宮店</t>
    <rPh sb="6" eb="8">
      <t>カモノミヤ</t>
    </rPh>
    <rPh sb="8" eb="9">
      <t>テン</t>
    </rPh>
    <phoneticPr fontId="4"/>
  </si>
  <si>
    <t>(株)ケーズホールディングス</t>
    <phoneticPr fontId="4"/>
  </si>
  <si>
    <t>東町5-45の7ほか</t>
    <rPh sb="0" eb="1">
      <t>ヒガシ</t>
    </rPh>
    <rPh sb="1" eb="2">
      <t>マチ</t>
    </rPh>
    <phoneticPr fontId="4"/>
  </si>
  <si>
    <t>(仮称)小田原東町土地商業施設計画</t>
    <rPh sb="1" eb="3">
      <t>カショウ</t>
    </rPh>
    <rPh sb="4" eb="7">
      <t>オダワラ</t>
    </rPh>
    <rPh sb="7" eb="8">
      <t>ヒガシ</t>
    </rPh>
    <rPh sb="8" eb="9">
      <t>マチ</t>
    </rPh>
    <rPh sb="9" eb="11">
      <t>トチ</t>
    </rPh>
    <rPh sb="11" eb="13">
      <t>ショウギョウ</t>
    </rPh>
    <rPh sb="13" eb="15">
      <t>シセツ</t>
    </rPh>
    <rPh sb="15" eb="17">
      <t>ケイカク</t>
    </rPh>
    <phoneticPr fontId="4"/>
  </si>
  <si>
    <t>ヤオマサ(株)</t>
    <rPh sb="5" eb="6">
      <t>カブ</t>
    </rPh>
    <phoneticPr fontId="4"/>
  </si>
  <si>
    <t>(仮称)岩瀬不動産貸店舗</t>
    <rPh sb="1" eb="3">
      <t>カショウ</t>
    </rPh>
    <rPh sb="6" eb="9">
      <t>フドウサン</t>
    </rPh>
    <rPh sb="9" eb="10">
      <t>カ</t>
    </rPh>
    <rPh sb="10" eb="12">
      <t>テンポ</t>
    </rPh>
    <phoneticPr fontId="4"/>
  </si>
  <si>
    <t>中里字角田208の1ほか</t>
    <rPh sb="0" eb="2">
      <t>ナカサト</t>
    </rPh>
    <rPh sb="2" eb="3">
      <t>アザ</t>
    </rPh>
    <rPh sb="3" eb="5">
      <t>ツノダ</t>
    </rPh>
    <phoneticPr fontId="14"/>
  </si>
  <si>
    <t>西酒匂1-9の1ほか</t>
    <rPh sb="0" eb="3">
      <t>ニシサカワ</t>
    </rPh>
    <phoneticPr fontId="14"/>
  </si>
  <si>
    <t>(株)ロピア</t>
  </si>
  <si>
    <t>高田字柳町298の1ほか</t>
    <rPh sb="0" eb="2">
      <t>タカダ</t>
    </rPh>
    <rPh sb="2" eb="3">
      <t>アザ</t>
    </rPh>
    <rPh sb="3" eb="4">
      <t>ヤナギ</t>
    </rPh>
    <rPh sb="4" eb="5">
      <t>マチ</t>
    </rPh>
    <phoneticPr fontId="14"/>
  </si>
  <si>
    <t>ロピアモール</t>
  </si>
  <si>
    <t>(株)クリエイトエス・ディー</t>
  </si>
  <si>
    <t>荻窪字立田278の5ほか</t>
  </si>
  <si>
    <t>(仮称)クリエイトエス・ディー小田原荻窪店</t>
  </si>
  <si>
    <t>(株)ピーシーデポコーポレーション</t>
  </si>
  <si>
    <t>飯泉400ほか</t>
    <rPh sb="0" eb="2">
      <t>イイズミ</t>
    </rPh>
    <phoneticPr fontId="14"/>
  </si>
  <si>
    <t>ＰＣデポ小田原東インター店</t>
    <rPh sb="4" eb="7">
      <t>オダワラ</t>
    </rPh>
    <rPh sb="7" eb="8">
      <t>ヒガシ</t>
    </rPh>
    <rPh sb="12" eb="13">
      <t>テン</t>
    </rPh>
    <phoneticPr fontId="14"/>
  </si>
  <si>
    <t>(株)しまむら</t>
  </si>
  <si>
    <t>栢山字中島2,447ほか</t>
    <rPh sb="0" eb="2">
      <t>カヤマ</t>
    </rPh>
    <rPh sb="2" eb="3">
      <t>アザ</t>
    </rPh>
    <rPh sb="3" eb="5">
      <t>ナカジマ</t>
    </rPh>
    <phoneticPr fontId="14"/>
  </si>
  <si>
    <t>栢山ファッションモール</t>
    <rPh sb="0" eb="2">
      <t>カヤマ</t>
    </rPh>
    <phoneticPr fontId="14"/>
  </si>
  <si>
    <t>(株)長崎屋</t>
    <rPh sb="3" eb="6">
      <t>ナガサキヤ</t>
    </rPh>
    <phoneticPr fontId="14"/>
  </si>
  <si>
    <t>栄町2-50の1ほか</t>
    <rPh sb="0" eb="2">
      <t>サカエチョウ</t>
    </rPh>
    <phoneticPr fontId="14"/>
  </si>
  <si>
    <t>(株)鈴廣蒲鉾本店</t>
    <rPh sb="3" eb="4">
      <t>スズ</t>
    </rPh>
    <rPh sb="4" eb="5">
      <t>ヒロ</t>
    </rPh>
    <rPh sb="5" eb="7">
      <t>カマボコ</t>
    </rPh>
    <rPh sb="7" eb="9">
      <t>ホンテン</t>
    </rPh>
    <phoneticPr fontId="14"/>
  </si>
  <si>
    <t>風祭245</t>
    <rPh sb="0" eb="2">
      <t>カザマツリ</t>
    </rPh>
    <phoneticPr fontId="14"/>
  </si>
  <si>
    <t>小田原鈴廣　風祭店</t>
    <rPh sb="0" eb="3">
      <t>オダワラ</t>
    </rPh>
    <rPh sb="3" eb="4">
      <t>スズ</t>
    </rPh>
    <rPh sb="4" eb="5">
      <t>ヒロシ</t>
    </rPh>
    <rPh sb="6" eb="8">
      <t>カザマツリ</t>
    </rPh>
    <rPh sb="8" eb="9">
      <t>テン</t>
    </rPh>
    <phoneticPr fontId="14"/>
  </si>
  <si>
    <t>寿町4-1の2ほか</t>
    <rPh sb="0" eb="1">
      <t>コトブキ</t>
    </rPh>
    <rPh sb="1" eb="2">
      <t>マチ</t>
    </rPh>
    <phoneticPr fontId="14"/>
  </si>
  <si>
    <t>ザ・ビッグ小田原寿町店</t>
    <rPh sb="5" eb="8">
      <t>オダワラ</t>
    </rPh>
    <rPh sb="8" eb="10">
      <t>コトブキチョウ</t>
    </rPh>
    <rPh sb="10" eb="11">
      <t>テン</t>
    </rPh>
    <phoneticPr fontId="14"/>
  </si>
  <si>
    <t>寿町1-23の1ほか</t>
    <rPh sb="0" eb="1">
      <t>コトブキ</t>
    </rPh>
    <rPh sb="1" eb="2">
      <t>マチ</t>
    </rPh>
    <phoneticPr fontId="14"/>
  </si>
  <si>
    <t>コトブキホームセンター</t>
  </si>
  <si>
    <t>合同会社西友</t>
    <rPh sb="0" eb="2">
      <t>ゴウドウ</t>
    </rPh>
    <rPh sb="2" eb="4">
      <t>ガイシャ</t>
    </rPh>
    <phoneticPr fontId="14"/>
  </si>
  <si>
    <t>栄町2-59の3ほか</t>
    <rPh sb="0" eb="2">
      <t>サカエマチ</t>
    </rPh>
    <phoneticPr fontId="14"/>
  </si>
  <si>
    <t>小田原市栄町二丁目Ａブロック商業ビル</t>
    <rPh sb="6" eb="7">
      <t>２</t>
    </rPh>
    <phoneticPr fontId="14"/>
  </si>
  <si>
    <t>(株)魚力</t>
    <rPh sb="3" eb="4">
      <t>サカナ</t>
    </rPh>
    <rPh sb="4" eb="5">
      <t>リキ</t>
    </rPh>
    <phoneticPr fontId="14"/>
  </si>
  <si>
    <t>栄町1-560ほか</t>
    <rPh sb="0" eb="2">
      <t>サカエマチ</t>
    </rPh>
    <phoneticPr fontId="14"/>
  </si>
  <si>
    <t>前川字一本木105の1ほか</t>
    <rPh sb="0" eb="2">
      <t>マエカワ</t>
    </rPh>
    <rPh sb="2" eb="3">
      <t>アザ</t>
    </rPh>
    <rPh sb="3" eb="6">
      <t>イッポンギ</t>
    </rPh>
    <phoneticPr fontId="14"/>
  </si>
  <si>
    <t>フレスポ小田原シティーモール</t>
    <rPh sb="4" eb="7">
      <t>オダワラ</t>
    </rPh>
    <phoneticPr fontId="14"/>
  </si>
  <si>
    <t>南鴨宮3-35の3ほか</t>
    <rPh sb="0" eb="3">
      <t>ミナミカモノミヤ</t>
    </rPh>
    <phoneticPr fontId="14"/>
  </si>
  <si>
    <t>原田ビル</t>
  </si>
  <si>
    <t>東町5-14の1ほか</t>
    <rPh sb="0" eb="1">
      <t>ヒガシ</t>
    </rPh>
    <rPh sb="1" eb="2">
      <t>チョウ</t>
    </rPh>
    <phoneticPr fontId="14"/>
  </si>
  <si>
    <t>ファッションセンターしまむら東町店</t>
    <rPh sb="14" eb="15">
      <t>ヒガシ</t>
    </rPh>
    <rPh sb="15" eb="16">
      <t>チョウ</t>
    </rPh>
    <rPh sb="16" eb="17">
      <t>テン</t>
    </rPh>
    <phoneticPr fontId="14"/>
  </si>
  <si>
    <t>相鉄ローゼン(株)</t>
    <rPh sb="0" eb="2">
      <t>ソウテツ</t>
    </rPh>
    <phoneticPr fontId="14"/>
  </si>
  <si>
    <t>新屋118の1ほか</t>
    <rPh sb="0" eb="1">
      <t>シンヤ</t>
    </rPh>
    <rPh sb="1" eb="2">
      <t>ヤ</t>
    </rPh>
    <phoneticPr fontId="14"/>
  </si>
  <si>
    <t>鍵和田ビル</t>
  </si>
  <si>
    <t>(株)イトーヨーカ堂</t>
  </si>
  <si>
    <t>中里字反町273の1ほか</t>
    <rPh sb="0" eb="2">
      <t>ナカザト</t>
    </rPh>
    <rPh sb="2" eb="3">
      <t>アザ</t>
    </rPh>
    <rPh sb="3" eb="5">
      <t>タンマチ</t>
    </rPh>
    <phoneticPr fontId="14"/>
  </si>
  <si>
    <t>ダイナシティ　イースト</t>
  </si>
  <si>
    <t>荻窪447の1ほか</t>
    <rPh sb="0" eb="2">
      <t>オギクボ</t>
    </rPh>
    <phoneticPr fontId="14"/>
  </si>
  <si>
    <t>マックスバリュ小田原荻窪店</t>
    <rPh sb="7" eb="10">
      <t>オダワラ</t>
    </rPh>
    <rPh sb="10" eb="12">
      <t>オギクボ</t>
    </rPh>
    <rPh sb="12" eb="13">
      <t>テン</t>
    </rPh>
    <phoneticPr fontId="14"/>
  </si>
  <si>
    <t>ア．小田原市</t>
    <rPh sb="2" eb="6">
      <t>オダ</t>
    </rPh>
    <phoneticPr fontId="4"/>
  </si>
  <si>
    <t>（２）管内の大規模小売店舗（店舗面積 1,000㎡超）</t>
    <rPh sb="11" eb="13">
      <t>テンポ</t>
    </rPh>
    <rPh sb="14" eb="16">
      <t>テンポ</t>
    </rPh>
    <rPh sb="16" eb="18">
      <t>メンセキ</t>
    </rPh>
    <rPh sb="25" eb="26">
      <t>コ</t>
    </rPh>
    <phoneticPr fontId="4"/>
  </si>
  <si>
    <t>(県西地域県政総合センター企画調整部 調)</t>
    <rPh sb="1" eb="3">
      <t>ケンセイ</t>
    </rPh>
    <rPh sb="3" eb="5">
      <t>チイキ</t>
    </rPh>
    <rPh sb="5" eb="7">
      <t>ケンセイ</t>
    </rPh>
    <rPh sb="7" eb="9">
      <t>ソウゴウ</t>
    </rPh>
    <rPh sb="13" eb="15">
      <t>キカク</t>
    </rPh>
    <rPh sb="15" eb="17">
      <t>チョウセイ</t>
    </rPh>
    <phoneticPr fontId="4"/>
  </si>
  <si>
    <t>宮上地内</t>
    <rPh sb="2" eb="3">
      <t>チ</t>
    </rPh>
    <rPh sb="3" eb="4">
      <t>ナイ</t>
    </rPh>
    <phoneticPr fontId="4"/>
  </si>
  <si>
    <t>池峯 もみじの郷</t>
    <rPh sb="0" eb="2">
      <t>イケミネ</t>
    </rPh>
    <rPh sb="7" eb="8">
      <t>サト</t>
    </rPh>
    <phoneticPr fontId="4"/>
  </si>
  <si>
    <t>吉浜1987-8　ほか</t>
    <rPh sb="0" eb="2">
      <t>ヨシハマ</t>
    </rPh>
    <phoneticPr fontId="4"/>
  </si>
  <si>
    <t>ゆめ公園(湯河原総合運動公園)</t>
    <rPh sb="2" eb="4">
      <t>コウエン</t>
    </rPh>
    <rPh sb="5" eb="8">
      <t>ユガワラ</t>
    </rPh>
    <rPh sb="8" eb="10">
      <t>ソウゴウ</t>
    </rPh>
    <rPh sb="10" eb="12">
      <t>ウンドウ</t>
    </rPh>
    <rPh sb="12" eb="14">
      <t>コウエン</t>
    </rPh>
    <phoneticPr fontId="4"/>
  </si>
  <si>
    <t>吉浜1576-52　ほか</t>
    <rPh sb="0" eb="2">
      <t>ヨシハマ</t>
    </rPh>
    <phoneticPr fontId="4"/>
  </si>
  <si>
    <t>湯河原海辺公園ドッグラン</t>
    <rPh sb="0" eb="3">
      <t>ユガワラ</t>
    </rPh>
    <rPh sb="3" eb="5">
      <t>ウミベ</t>
    </rPh>
    <rPh sb="5" eb="7">
      <t>コウエン</t>
    </rPh>
    <phoneticPr fontId="4"/>
  </si>
  <si>
    <t>星ヶ山公園 さつきの郷</t>
    <rPh sb="10" eb="11">
      <t>サト</t>
    </rPh>
    <phoneticPr fontId="4"/>
  </si>
  <si>
    <t>門川11</t>
    <rPh sb="0" eb="2">
      <t>モンガワ</t>
    </rPh>
    <phoneticPr fontId="4"/>
  </si>
  <si>
    <t>湯河原海浜公園</t>
    <rPh sb="0" eb="3">
      <t>ユガワラ</t>
    </rPh>
    <rPh sb="3" eb="5">
      <t>カイヒン</t>
    </rPh>
    <rPh sb="5" eb="7">
      <t>コウエン</t>
    </rPh>
    <phoneticPr fontId="4"/>
  </si>
  <si>
    <t>幕山公園(シャクナゲ園、湯河原梅林)</t>
    <rPh sb="10" eb="11">
      <t>エン</t>
    </rPh>
    <rPh sb="12" eb="15">
      <t>ユガワラ</t>
    </rPh>
    <rPh sb="15" eb="17">
      <t>バイリン</t>
    </rPh>
    <phoneticPr fontId="4"/>
  </si>
  <si>
    <t>(湯河原町)</t>
    <rPh sb="1" eb="5">
      <t>ユガ</t>
    </rPh>
    <phoneticPr fontId="4"/>
  </si>
  <si>
    <t>真鶴894-1</t>
    <rPh sb="0" eb="2">
      <t>マナヅル</t>
    </rPh>
    <phoneticPr fontId="4"/>
  </si>
  <si>
    <t>真鶴産業活性化センター まなづる里海ＢＡＳＥ</t>
    <rPh sb="16" eb="17">
      <t>サト</t>
    </rPh>
    <rPh sb="17" eb="18">
      <t>ウミ</t>
    </rPh>
    <phoneticPr fontId="4"/>
  </si>
  <si>
    <t>県立真鶴半島自然公園</t>
    <rPh sb="0" eb="2">
      <t>ケンリツ</t>
    </rPh>
    <rPh sb="2" eb="4">
      <t>マナヅル</t>
    </rPh>
    <rPh sb="4" eb="6">
      <t>ハントウ</t>
    </rPh>
    <rPh sb="6" eb="8">
      <t>シゼン</t>
    </rPh>
    <rPh sb="8" eb="10">
      <t>コウエン</t>
    </rPh>
    <phoneticPr fontId="4"/>
  </si>
  <si>
    <t>真鶴1178-1</t>
    <rPh sb="0" eb="2">
      <t>マナヅル</t>
    </rPh>
    <phoneticPr fontId="4"/>
  </si>
  <si>
    <t>お林展望公園</t>
    <rPh sb="1" eb="2">
      <t>ハヤシ</t>
    </rPh>
    <rPh sb="2" eb="4">
      <t>テンボウ</t>
    </rPh>
    <rPh sb="4" eb="6">
      <t>コウエン</t>
    </rPh>
    <phoneticPr fontId="4"/>
  </si>
  <si>
    <t>真鶴1789地内</t>
    <rPh sb="6" eb="7">
      <t>チ</t>
    </rPh>
    <rPh sb="7" eb="8">
      <t>ナイ</t>
    </rPh>
    <phoneticPr fontId="4"/>
  </si>
  <si>
    <t>(真 鶴 町)</t>
    <rPh sb="1" eb="2">
      <t>マ</t>
    </rPh>
    <rPh sb="3" eb="4">
      <t>ツル</t>
    </rPh>
    <rPh sb="5" eb="6">
      <t>マチ</t>
    </rPh>
    <phoneticPr fontId="4"/>
  </si>
  <si>
    <t>元箱根80</t>
    <rPh sb="0" eb="1">
      <t>モト</t>
    </rPh>
    <rPh sb="1" eb="3">
      <t>ハコネ</t>
    </rPh>
    <phoneticPr fontId="4"/>
  </si>
  <si>
    <t>小田急 山のホテル庭園</t>
    <rPh sb="0" eb="3">
      <t>オダキュウ</t>
    </rPh>
    <rPh sb="4" eb="5">
      <t>ヤマ</t>
    </rPh>
    <rPh sb="9" eb="11">
      <t>テイエン</t>
    </rPh>
    <phoneticPr fontId="4"/>
  </si>
  <si>
    <t>仙石原公園</t>
    <rPh sb="0" eb="3">
      <t>センゴクハラ</t>
    </rPh>
    <rPh sb="3" eb="5">
      <t>コウエン</t>
    </rPh>
    <phoneticPr fontId="4"/>
  </si>
  <si>
    <t>元箱根164</t>
    <rPh sb="0" eb="1">
      <t>モト</t>
    </rPh>
    <rPh sb="1" eb="3">
      <t>ハコネ</t>
    </rPh>
    <phoneticPr fontId="4"/>
  </si>
  <si>
    <t>湖尻園地(湖尻集団施設地区)</t>
    <rPh sb="0" eb="2">
      <t>コジリ</t>
    </rPh>
    <rPh sb="2" eb="4">
      <t>エンチ</t>
    </rPh>
    <rPh sb="5" eb="7">
      <t>コジリ</t>
    </rPh>
    <rPh sb="7" eb="9">
      <t>シュウダン</t>
    </rPh>
    <rPh sb="9" eb="11">
      <t>シセツ</t>
    </rPh>
    <rPh sb="11" eb="13">
      <t>チク</t>
    </rPh>
    <phoneticPr fontId="4"/>
  </si>
  <si>
    <t>小涌谷503</t>
  </si>
  <si>
    <t>弁天山清流公園</t>
  </si>
  <si>
    <t>箱根381-4</t>
  </si>
  <si>
    <t>箱根やすらぎの森</t>
  </si>
  <si>
    <t>強羅1300</t>
  </si>
  <si>
    <t>箱根強羅公園</t>
    <rPh sb="0" eb="2">
      <t>ハコネ</t>
    </rPh>
    <phoneticPr fontId="4"/>
  </si>
  <si>
    <t>元箱根139</t>
  </si>
  <si>
    <t>箱根園(富士芦ノ湖パノラマパーク、箱根園水族館、箱根九頭龍の森)</t>
    <rPh sb="4" eb="6">
      <t>フジ</t>
    </rPh>
    <rPh sb="6" eb="7">
      <t>アシ</t>
    </rPh>
    <rPh sb="8" eb="9">
      <t>コ</t>
    </rPh>
    <rPh sb="17" eb="19">
      <t>ハコネ</t>
    </rPh>
    <rPh sb="19" eb="20">
      <t>エン</t>
    </rPh>
    <rPh sb="20" eb="23">
      <t>スイゾクカン</t>
    </rPh>
    <rPh sb="24" eb="26">
      <t>ハコネ</t>
    </rPh>
    <rPh sb="26" eb="29">
      <t>クズリュウ</t>
    </rPh>
    <rPh sb="30" eb="31">
      <t>モリ</t>
    </rPh>
    <phoneticPr fontId="4"/>
  </si>
  <si>
    <t>仙石原817</t>
  </si>
  <si>
    <t>箱根湿生花園</t>
  </si>
  <si>
    <t>早雲公園</t>
  </si>
  <si>
    <t>仙石原1181</t>
  </si>
  <si>
    <t>金時公園</t>
  </si>
  <si>
    <t>元箱根171</t>
  </si>
  <si>
    <t>県立恩賜箱根公園</t>
    <rPh sb="0" eb="2">
      <t>ケンリツ</t>
    </rPh>
    <phoneticPr fontId="4"/>
  </si>
  <si>
    <t>(箱 根 町)</t>
    <rPh sb="1" eb="2">
      <t>ハコ</t>
    </rPh>
    <rPh sb="3" eb="4">
      <t>ネ</t>
    </rPh>
    <rPh sb="5" eb="6">
      <t>マチ</t>
    </rPh>
    <phoneticPr fontId="4"/>
  </si>
  <si>
    <t>開成水辺フォレストスプリングス</t>
    <rPh sb="0" eb="2">
      <t>カイセイ</t>
    </rPh>
    <rPh sb="2" eb="4">
      <t>ミズベ</t>
    </rPh>
    <phoneticPr fontId="4"/>
  </si>
  <si>
    <t>吉田島2710</t>
    <rPh sb="0" eb="2">
      <t>ヨシダ</t>
    </rPh>
    <rPh sb="2" eb="3">
      <t>ジマ</t>
    </rPh>
    <phoneticPr fontId="4"/>
  </si>
  <si>
    <t>開成水辺スポーツ公園</t>
    <rPh sb="0" eb="2">
      <t>カイセイ</t>
    </rPh>
    <rPh sb="2" eb="4">
      <t>ミズベ</t>
    </rPh>
    <rPh sb="8" eb="10">
      <t>コウエン</t>
    </rPh>
    <phoneticPr fontId="4"/>
  </si>
  <si>
    <t>(開 成 町)</t>
    <rPh sb="1" eb="2">
      <t>カイ</t>
    </rPh>
    <rPh sb="3" eb="4">
      <t>シゲル</t>
    </rPh>
    <rPh sb="5" eb="6">
      <t>マチ</t>
    </rPh>
    <phoneticPr fontId="4"/>
  </si>
  <si>
    <t>山北</t>
    <rPh sb="0" eb="2">
      <t>ヤマキタ</t>
    </rPh>
    <phoneticPr fontId="4"/>
  </si>
  <si>
    <t>河村城址歴史公園</t>
    <rPh sb="0" eb="2">
      <t>カワムラ</t>
    </rPh>
    <rPh sb="2" eb="4">
      <t>ジョウシ</t>
    </rPh>
    <rPh sb="4" eb="6">
      <t>レキシ</t>
    </rPh>
    <rPh sb="6" eb="8">
      <t>コウエン</t>
    </rPh>
    <phoneticPr fontId="4"/>
  </si>
  <si>
    <t>玄倉</t>
    <rPh sb="0" eb="2">
      <t>クロクラ</t>
    </rPh>
    <phoneticPr fontId="4"/>
  </si>
  <si>
    <t>西丹沢県民の森</t>
    <rPh sb="0" eb="1">
      <t>ニシ</t>
    </rPh>
    <rPh sb="1" eb="3">
      <t>タンザワ</t>
    </rPh>
    <rPh sb="3" eb="5">
      <t>ケンミン</t>
    </rPh>
    <rPh sb="6" eb="7">
      <t>モリ</t>
    </rPh>
    <phoneticPr fontId="4"/>
  </si>
  <si>
    <t>神尾田</t>
    <rPh sb="0" eb="1">
      <t>カミ</t>
    </rPh>
    <rPh sb="1" eb="2">
      <t>オ</t>
    </rPh>
    <rPh sb="2" eb="3">
      <t>タ</t>
    </rPh>
    <phoneticPr fontId="4"/>
  </si>
  <si>
    <t>ダム広場</t>
    <rPh sb="2" eb="4">
      <t>ヒロバ</t>
    </rPh>
    <phoneticPr fontId="4"/>
  </si>
  <si>
    <t>鉄道公園</t>
    <rPh sb="0" eb="2">
      <t>テツドウ</t>
    </rPh>
    <rPh sb="2" eb="4">
      <t>コウエン</t>
    </rPh>
    <phoneticPr fontId="4"/>
  </si>
  <si>
    <t>(山 北 町)</t>
    <rPh sb="1" eb="2">
      <t>ヤマ</t>
    </rPh>
    <rPh sb="3" eb="4">
      <t>キタ</t>
    </rPh>
    <rPh sb="5" eb="6">
      <t>マチ</t>
    </rPh>
    <phoneticPr fontId="4"/>
  </si>
  <si>
    <t>松田惣領2951　ほか</t>
    <rPh sb="0" eb="2">
      <t>マツダ</t>
    </rPh>
    <rPh sb="2" eb="4">
      <t>ソウリョウ</t>
    </rPh>
    <phoneticPr fontId="4"/>
  </si>
  <si>
    <t>西平畑公園(ハーブガーデン、子どもの館、自然館)</t>
    <rPh sb="0" eb="1">
      <t>ニシ</t>
    </rPh>
    <rPh sb="1" eb="3">
      <t>ヒラハタ</t>
    </rPh>
    <rPh sb="3" eb="5">
      <t>コウエン</t>
    </rPh>
    <rPh sb="14" eb="15">
      <t>コ</t>
    </rPh>
    <rPh sb="18" eb="19">
      <t>ヤカタ</t>
    </rPh>
    <rPh sb="20" eb="22">
      <t>シゼン</t>
    </rPh>
    <rPh sb="22" eb="23">
      <t>カン</t>
    </rPh>
    <phoneticPr fontId="4"/>
  </si>
  <si>
    <t>寄宇津茂地内</t>
    <rPh sb="0" eb="1">
      <t>ヨ</t>
    </rPh>
    <rPh sb="1" eb="3">
      <t>ウツ</t>
    </rPh>
    <rPh sb="3" eb="4">
      <t>シゲ</t>
    </rPh>
    <rPh sb="4" eb="5">
      <t>チ</t>
    </rPh>
    <rPh sb="5" eb="6">
      <t>ナイ</t>
    </rPh>
    <phoneticPr fontId="4"/>
  </si>
  <si>
    <t>寄ロウバイ園</t>
    <rPh sb="0" eb="1">
      <t>ヨ</t>
    </rPh>
    <rPh sb="5" eb="6">
      <t>エン</t>
    </rPh>
    <phoneticPr fontId="4"/>
  </si>
  <si>
    <t>寄5605</t>
    <rPh sb="0" eb="1">
      <t>ヨ</t>
    </rPh>
    <phoneticPr fontId="4"/>
  </si>
  <si>
    <t>寄七つ星ドッグラン</t>
    <rPh sb="0" eb="1">
      <t>ヨ</t>
    </rPh>
    <rPh sb="1" eb="2">
      <t>ナナ</t>
    </rPh>
    <rPh sb="3" eb="4">
      <t>ホシ</t>
    </rPh>
    <phoneticPr fontId="4"/>
  </si>
  <si>
    <t>松田庶子</t>
    <rPh sb="0" eb="2">
      <t>マツダ</t>
    </rPh>
    <rPh sb="2" eb="4">
      <t>ショシ</t>
    </rPh>
    <phoneticPr fontId="4"/>
  </si>
  <si>
    <t>最明寺史跡公園</t>
    <rPh sb="0" eb="1">
      <t>サイ</t>
    </rPh>
    <rPh sb="1" eb="2">
      <t>アカ</t>
    </rPh>
    <rPh sb="2" eb="3">
      <t>テラ</t>
    </rPh>
    <rPh sb="3" eb="5">
      <t>シセキ</t>
    </rPh>
    <rPh sb="5" eb="7">
      <t>コウエン</t>
    </rPh>
    <phoneticPr fontId="4"/>
  </si>
  <si>
    <t>(松 田 町)</t>
    <rPh sb="1" eb="2">
      <t>マツ</t>
    </rPh>
    <rPh sb="3" eb="4">
      <t>タ</t>
    </rPh>
    <rPh sb="5" eb="6">
      <t>マチ</t>
    </rPh>
    <phoneticPr fontId="4"/>
  </si>
  <si>
    <t>柳265</t>
    <rPh sb="0" eb="1">
      <t>ヤナギ</t>
    </rPh>
    <phoneticPr fontId="4"/>
  </si>
  <si>
    <t>大井町農業体験施設　四季の里</t>
    <rPh sb="0" eb="3">
      <t>オオイマチ</t>
    </rPh>
    <rPh sb="3" eb="5">
      <t>ノウギョウ</t>
    </rPh>
    <rPh sb="5" eb="7">
      <t>タイケン</t>
    </rPh>
    <rPh sb="7" eb="9">
      <t>シセツ</t>
    </rPh>
    <rPh sb="10" eb="12">
      <t>シキ</t>
    </rPh>
    <rPh sb="13" eb="14">
      <t>サト</t>
    </rPh>
    <phoneticPr fontId="4"/>
  </si>
  <si>
    <t>金手790</t>
    <rPh sb="0" eb="1">
      <t>カナ</t>
    </rPh>
    <rPh sb="1" eb="2">
      <t>テ</t>
    </rPh>
    <phoneticPr fontId="4"/>
  </si>
  <si>
    <t>せせらぎの郷花菖蒲園</t>
    <rPh sb="5" eb="6">
      <t>サト</t>
    </rPh>
    <rPh sb="6" eb="7">
      <t>ハナ</t>
    </rPh>
    <rPh sb="7" eb="9">
      <t>ショウブ</t>
    </rPh>
    <rPh sb="9" eb="10">
      <t>エン</t>
    </rPh>
    <phoneticPr fontId="4"/>
  </si>
  <si>
    <t>柳</t>
    <rPh sb="0" eb="1">
      <t>ヤナギ</t>
    </rPh>
    <phoneticPr fontId="4"/>
  </si>
  <si>
    <t>丁字ヶ原農村公園</t>
    <rPh sb="0" eb="1">
      <t>チョウ</t>
    </rPh>
    <rPh sb="1" eb="2">
      <t>ジ</t>
    </rPh>
    <rPh sb="3" eb="4">
      <t>ハラ</t>
    </rPh>
    <rPh sb="4" eb="6">
      <t>ノウソン</t>
    </rPh>
    <rPh sb="6" eb="8">
      <t>コウエン</t>
    </rPh>
    <phoneticPr fontId="4"/>
  </si>
  <si>
    <t>(大 井 町)</t>
    <rPh sb="1" eb="2">
      <t>ダイ</t>
    </rPh>
    <rPh sb="3" eb="4">
      <t>イ</t>
    </rPh>
    <rPh sb="5" eb="6">
      <t>マチ</t>
    </rPh>
    <phoneticPr fontId="4"/>
  </si>
  <si>
    <t>井ノ口1310</t>
    <rPh sb="0" eb="1">
      <t>イ</t>
    </rPh>
    <rPh sb="2" eb="3">
      <t>クチ</t>
    </rPh>
    <phoneticPr fontId="4"/>
  </si>
  <si>
    <t>厳島湿生公園</t>
    <rPh sb="0" eb="2">
      <t>イツクシマ</t>
    </rPh>
    <rPh sb="2" eb="4">
      <t>シッセイ</t>
    </rPh>
    <rPh sb="4" eb="6">
      <t>コウエン</t>
    </rPh>
    <phoneticPr fontId="4"/>
  </si>
  <si>
    <t>比奈窪580</t>
    <rPh sb="0" eb="2">
      <t>ヒナ</t>
    </rPh>
    <rPh sb="2" eb="3">
      <t>クボ</t>
    </rPh>
    <phoneticPr fontId="4"/>
  </si>
  <si>
    <t>中井中央公園</t>
    <rPh sb="0" eb="2">
      <t>ナカイ</t>
    </rPh>
    <rPh sb="2" eb="4">
      <t>チュウオウ</t>
    </rPh>
    <rPh sb="4" eb="6">
      <t>コウエン</t>
    </rPh>
    <phoneticPr fontId="4"/>
  </si>
  <si>
    <t>(中 井 町)</t>
    <rPh sb="1" eb="2">
      <t>ナカ</t>
    </rPh>
    <rPh sb="3" eb="4">
      <t>イ</t>
    </rPh>
    <rPh sb="5" eb="6">
      <t>マチ</t>
    </rPh>
    <phoneticPr fontId="4"/>
  </si>
  <si>
    <t>竹松1117-1</t>
    <rPh sb="0" eb="2">
      <t>タケマツ</t>
    </rPh>
    <phoneticPr fontId="4"/>
  </si>
  <si>
    <t>怒田125-1</t>
    <rPh sb="0" eb="2">
      <t>ヌダ</t>
    </rPh>
    <phoneticPr fontId="4"/>
  </si>
  <si>
    <t>範茂史跡公園</t>
    <rPh sb="0" eb="1">
      <t>ハン</t>
    </rPh>
    <rPh sb="1" eb="2">
      <t>シゲ</t>
    </rPh>
    <rPh sb="2" eb="4">
      <t>シセキ</t>
    </rPh>
    <rPh sb="4" eb="6">
      <t>コウエン</t>
    </rPh>
    <phoneticPr fontId="4"/>
  </si>
  <si>
    <t>内山2870-5</t>
    <rPh sb="0" eb="2">
      <t>ウチヤマ</t>
    </rPh>
    <phoneticPr fontId="4"/>
  </si>
  <si>
    <t>県立21世紀の森</t>
    <rPh sb="0" eb="2">
      <t>ケンリツ</t>
    </rPh>
    <rPh sb="4" eb="6">
      <t>セイキ</t>
    </rPh>
    <rPh sb="7" eb="8">
      <t>モリ</t>
    </rPh>
    <phoneticPr fontId="4"/>
  </si>
  <si>
    <t>怒田1734</t>
    <rPh sb="0" eb="2">
      <t>ヌタ</t>
    </rPh>
    <phoneticPr fontId="4"/>
  </si>
  <si>
    <t>南足柄市運動公園</t>
    <rPh sb="0" eb="1">
      <t>ミナミ</t>
    </rPh>
    <rPh sb="1" eb="3">
      <t>アシガラ</t>
    </rPh>
    <rPh sb="3" eb="4">
      <t>シ</t>
    </rPh>
    <rPh sb="4" eb="6">
      <t>ウンドウ</t>
    </rPh>
    <rPh sb="6" eb="8">
      <t>コウエン</t>
    </rPh>
    <phoneticPr fontId="4"/>
  </si>
  <si>
    <t>広町1507</t>
    <rPh sb="0" eb="2">
      <t>ヒロマチ</t>
    </rPh>
    <phoneticPr fontId="4"/>
  </si>
  <si>
    <t>県立足柄ふれあいの村</t>
    <rPh sb="0" eb="2">
      <t>ケンリツ</t>
    </rPh>
    <rPh sb="2" eb="4">
      <t>アシガラ</t>
    </rPh>
    <rPh sb="9" eb="10">
      <t>ムラ</t>
    </rPh>
    <phoneticPr fontId="4"/>
  </si>
  <si>
    <t>広町1544</t>
    <rPh sb="0" eb="2">
      <t>ヒロマチ</t>
    </rPh>
    <phoneticPr fontId="4"/>
  </si>
  <si>
    <t>三竹584</t>
    <rPh sb="0" eb="2">
      <t>ミタケ</t>
    </rPh>
    <phoneticPr fontId="4"/>
  </si>
  <si>
    <t>森と水の公園</t>
    <rPh sb="0" eb="1">
      <t>モリ</t>
    </rPh>
    <rPh sb="2" eb="3">
      <t>ミズ</t>
    </rPh>
    <rPh sb="4" eb="6">
      <t>コウエン</t>
    </rPh>
    <phoneticPr fontId="4"/>
  </si>
  <si>
    <t>矢倉沢</t>
    <rPh sb="0" eb="3">
      <t>ヤグラサワ</t>
    </rPh>
    <phoneticPr fontId="4"/>
  </si>
  <si>
    <t>足柄万葉公園</t>
    <rPh sb="0" eb="2">
      <t>アシガラ</t>
    </rPh>
    <rPh sb="2" eb="4">
      <t>マンヨウ</t>
    </rPh>
    <rPh sb="4" eb="6">
      <t>コウエン</t>
    </rPh>
    <phoneticPr fontId="4"/>
  </si>
  <si>
    <t>(南足柄市)</t>
    <rPh sb="1" eb="5">
      <t>ミナミ</t>
    </rPh>
    <phoneticPr fontId="4"/>
  </si>
  <si>
    <t>久野4391</t>
    <rPh sb="0" eb="2">
      <t>クノ</t>
    </rPh>
    <phoneticPr fontId="4"/>
  </si>
  <si>
    <t>フォレストアドベンチャー・小田原</t>
    <rPh sb="13" eb="16">
      <t>オダワラ</t>
    </rPh>
    <phoneticPr fontId="4"/>
  </si>
  <si>
    <t>早川1-28</t>
    <rPh sb="0" eb="2">
      <t>ハヤカワ</t>
    </rPh>
    <phoneticPr fontId="4"/>
  </si>
  <si>
    <t>漁港の駅 TOTOCO小田原</t>
    <rPh sb="0" eb="2">
      <t>ギョコウ</t>
    </rPh>
    <rPh sb="3" eb="4">
      <t>エキ</t>
    </rPh>
    <rPh sb="11" eb="14">
      <t>オダワラ</t>
    </rPh>
    <phoneticPr fontId="4"/>
  </si>
  <si>
    <t>羽根尾277</t>
    <rPh sb="0" eb="3">
      <t>ハネオ</t>
    </rPh>
    <phoneticPr fontId="4"/>
  </si>
  <si>
    <t>羽根尾史跡公園</t>
    <rPh sb="0" eb="3">
      <t>ハネオ</t>
    </rPh>
    <rPh sb="3" eb="5">
      <t>シセキ</t>
    </rPh>
    <rPh sb="5" eb="7">
      <t>コウエン</t>
    </rPh>
    <phoneticPr fontId="4"/>
  </si>
  <si>
    <t>東大友113</t>
    <rPh sb="0" eb="1">
      <t>ヒガシ</t>
    </rPh>
    <rPh sb="1" eb="3">
      <t>オオトモ</t>
    </rPh>
    <phoneticPr fontId="4"/>
  </si>
  <si>
    <t>上府中公園(小田原球場・スポーツ広場)</t>
    <rPh sb="0" eb="1">
      <t>ウエ</t>
    </rPh>
    <rPh sb="1" eb="3">
      <t>フナカ</t>
    </rPh>
    <rPh sb="3" eb="5">
      <t>コウエン</t>
    </rPh>
    <rPh sb="6" eb="9">
      <t>オダワラ</t>
    </rPh>
    <rPh sb="9" eb="11">
      <t>キュウジョウ</t>
    </rPh>
    <rPh sb="16" eb="18">
      <t>ヒロバ</t>
    </rPh>
    <phoneticPr fontId="4"/>
  </si>
  <si>
    <t>荻窪1579-8 ほか</t>
    <rPh sb="0" eb="2">
      <t>オギクボ</t>
    </rPh>
    <phoneticPr fontId="4"/>
  </si>
  <si>
    <t>辻村植物公園</t>
    <rPh sb="4" eb="6">
      <t>コウエン</t>
    </rPh>
    <phoneticPr fontId="4"/>
  </si>
  <si>
    <t>早川1383-12</t>
    <rPh sb="0" eb="2">
      <t>ハヤカワ</t>
    </rPh>
    <phoneticPr fontId="4"/>
  </si>
  <si>
    <t>石垣山一夜城</t>
    <rPh sb="0" eb="2">
      <t>イシガキ</t>
    </rPh>
    <rPh sb="2" eb="3">
      <t>ヤマ</t>
    </rPh>
    <rPh sb="3" eb="5">
      <t>イチヤ</t>
    </rPh>
    <rPh sb="5" eb="6">
      <t>ジョウ</t>
    </rPh>
    <phoneticPr fontId="4"/>
  </si>
  <si>
    <t>城内6-1</t>
    <rPh sb="0" eb="2">
      <t>ジョウナイ</t>
    </rPh>
    <phoneticPr fontId="4"/>
  </si>
  <si>
    <t>小田原城址公園こども遊園地</t>
    <rPh sb="3" eb="5">
      <t>ジョウシ</t>
    </rPh>
    <rPh sb="5" eb="7">
      <t>コウエン</t>
    </rPh>
    <rPh sb="10" eb="13">
      <t>ユウエンチ</t>
    </rPh>
    <phoneticPr fontId="4"/>
  </si>
  <si>
    <t>城山公園(海と城の見える丘)</t>
    <rPh sb="5" eb="6">
      <t>ウミ</t>
    </rPh>
    <rPh sb="7" eb="8">
      <t>シロ</t>
    </rPh>
    <rPh sb="9" eb="10">
      <t>ミ</t>
    </rPh>
    <rPh sb="12" eb="13">
      <t>オカ</t>
    </rPh>
    <phoneticPr fontId="4"/>
  </si>
  <si>
    <t>八幡山古郭東曲輪</t>
    <rPh sb="0" eb="2">
      <t>ハチマン</t>
    </rPh>
    <rPh sb="2" eb="3">
      <t>ヤマ</t>
    </rPh>
    <rPh sb="3" eb="4">
      <t>フル</t>
    </rPh>
    <rPh sb="4" eb="5">
      <t>クルワ</t>
    </rPh>
    <rPh sb="5" eb="6">
      <t>ヒガシ</t>
    </rPh>
    <rPh sb="6" eb="7">
      <t>マ</t>
    </rPh>
    <rPh sb="7" eb="8">
      <t>ワ</t>
    </rPh>
    <phoneticPr fontId="4"/>
  </si>
  <si>
    <t>城内地内</t>
    <rPh sb="0" eb="2">
      <t>ジョウナイ</t>
    </rPh>
    <rPh sb="2" eb="3">
      <t>チ</t>
    </rPh>
    <rPh sb="3" eb="4">
      <t>ナイ</t>
    </rPh>
    <phoneticPr fontId="4"/>
  </si>
  <si>
    <t>小田原城址公園</t>
    <rPh sb="3" eb="5">
      <t>ジョウシ</t>
    </rPh>
    <rPh sb="5" eb="7">
      <t>コウエン</t>
    </rPh>
    <phoneticPr fontId="4"/>
  </si>
  <si>
    <t>久野3798－5</t>
    <rPh sb="0" eb="2">
      <t>クノ</t>
    </rPh>
    <phoneticPr fontId="4"/>
  </si>
  <si>
    <t>小田原フラワーガーデン</t>
    <rPh sb="0" eb="3">
      <t>オダワラ</t>
    </rPh>
    <phoneticPr fontId="4"/>
  </si>
  <si>
    <t>小田原市いこいの森</t>
    <rPh sb="0" eb="4">
      <t>オダワラシ</t>
    </rPh>
    <phoneticPr fontId="4"/>
  </si>
  <si>
    <t>久野4377-1</t>
  </si>
  <si>
    <t>小田原こどもの森公園わんぱくらんど</t>
    <rPh sb="0" eb="3">
      <t>オダワラ</t>
    </rPh>
    <rPh sb="7" eb="8">
      <t>モリ</t>
    </rPh>
    <rPh sb="8" eb="10">
      <t>コウエン</t>
    </rPh>
    <phoneticPr fontId="4"/>
  </si>
  <si>
    <t>県立おだわら諏訪の原公園</t>
    <rPh sb="0" eb="2">
      <t>ケンリツ</t>
    </rPh>
    <rPh sb="6" eb="8">
      <t>スワ</t>
    </rPh>
    <rPh sb="9" eb="10">
      <t>ハラ</t>
    </rPh>
    <rPh sb="10" eb="12">
      <t>コウエン</t>
    </rPh>
    <phoneticPr fontId="4"/>
  </si>
  <si>
    <t>(小田原市)</t>
    <rPh sb="1" eb="5">
      <t>オダ</t>
    </rPh>
    <phoneticPr fontId="4"/>
  </si>
  <si>
    <t>(県西地域県政総合センター企画調整部　調)</t>
    <rPh sb="1" eb="3">
      <t>ケンセイ</t>
    </rPh>
    <rPh sb="3" eb="5">
      <t>チイキ</t>
    </rPh>
    <rPh sb="5" eb="7">
      <t>ケンセイ</t>
    </rPh>
    <rPh sb="7" eb="9">
      <t>ソウゴウ</t>
    </rPh>
    <rPh sb="13" eb="15">
      <t>キカク</t>
    </rPh>
    <rPh sb="15" eb="17">
      <t>チョウセイ</t>
    </rPh>
    <phoneticPr fontId="4"/>
  </si>
  <si>
    <t>宮上562-3</t>
  </si>
  <si>
    <t>宮上684</t>
    <rPh sb="0" eb="2">
      <t>ミヤウエ</t>
    </rPh>
    <phoneticPr fontId="4"/>
  </si>
  <si>
    <t>重光葵記念館</t>
  </si>
  <si>
    <t>鍛冶屋813-7</t>
  </si>
  <si>
    <t>空中散歩館</t>
  </si>
  <si>
    <t>宮上623-1</t>
  </si>
  <si>
    <t>町立湯河原美術館</t>
    <rPh sb="2" eb="5">
      <t>ユガワラ</t>
    </rPh>
    <rPh sb="5" eb="8">
      <t>ビジュツカン</t>
    </rPh>
    <phoneticPr fontId="4"/>
  </si>
  <si>
    <t>真鶴町立遠藤貝類博物館</t>
    <rPh sb="0" eb="2">
      <t>マナヅル</t>
    </rPh>
    <rPh sb="2" eb="4">
      <t>チョウリツ</t>
    </rPh>
    <rPh sb="4" eb="6">
      <t>エンドウ</t>
    </rPh>
    <rPh sb="6" eb="8">
      <t>カイルイ</t>
    </rPh>
    <rPh sb="8" eb="11">
      <t>ハクブツカン</t>
    </rPh>
    <phoneticPr fontId="4"/>
  </si>
  <si>
    <t>真鶴1178-1</t>
  </si>
  <si>
    <t>真鶴町立中川一政美術館</t>
    <rPh sb="0" eb="2">
      <t>マナヅル</t>
    </rPh>
    <rPh sb="2" eb="4">
      <t>チョウリツ</t>
    </rPh>
    <phoneticPr fontId="4"/>
  </si>
  <si>
    <t>岩596</t>
  </si>
  <si>
    <t>真鶴町民俗資料館</t>
  </si>
  <si>
    <t>箱根408-1</t>
    <rPh sb="0" eb="2">
      <t>ハコネ</t>
    </rPh>
    <phoneticPr fontId="4"/>
  </si>
  <si>
    <t>パール下中記念館</t>
    <rPh sb="3" eb="5">
      <t>シモナカ</t>
    </rPh>
    <rPh sb="5" eb="7">
      <t>キネン</t>
    </rPh>
    <rPh sb="7" eb="8">
      <t>カン</t>
    </rPh>
    <phoneticPr fontId="4"/>
  </si>
  <si>
    <t>関所からくり美術館</t>
    <rPh sb="0" eb="2">
      <t>セキショ</t>
    </rPh>
    <rPh sb="6" eb="9">
      <t>ビジュツカン</t>
    </rPh>
    <phoneticPr fontId="4"/>
  </si>
  <si>
    <t>強羅1320-653</t>
    <rPh sb="0" eb="2">
      <t>ゴウラ</t>
    </rPh>
    <phoneticPr fontId="4"/>
  </si>
  <si>
    <t>箱根マイセンアンティーク美術館</t>
    <rPh sb="0" eb="2">
      <t>ハコネ</t>
    </rPh>
    <rPh sb="12" eb="15">
      <t>ビジュツカン</t>
    </rPh>
    <phoneticPr fontId="4"/>
  </si>
  <si>
    <t>芦ノ湯84-55</t>
    <rPh sb="0" eb="1">
      <t>アシ</t>
    </rPh>
    <rPh sb="2" eb="3">
      <t>ユ</t>
    </rPh>
    <phoneticPr fontId="4"/>
  </si>
  <si>
    <t>箱根ドールハウス美術館</t>
    <rPh sb="0" eb="2">
      <t>ハコネ</t>
    </rPh>
    <rPh sb="8" eb="11">
      <t>ビジュツカン</t>
    </rPh>
    <phoneticPr fontId="4"/>
  </si>
  <si>
    <t>元箱根61 芦ノ湖テラス内</t>
    <rPh sb="0" eb="1">
      <t>モト</t>
    </rPh>
    <rPh sb="1" eb="3">
      <t>ハコネ</t>
    </rPh>
    <rPh sb="6" eb="7">
      <t>アシ</t>
    </rPh>
    <rPh sb="8" eb="9">
      <t>コ</t>
    </rPh>
    <rPh sb="12" eb="13">
      <t>ナイ</t>
    </rPh>
    <phoneticPr fontId="4"/>
  </si>
  <si>
    <t>玉村豊男ライフアートミュージアム</t>
    <rPh sb="0" eb="2">
      <t>タマムラ</t>
    </rPh>
    <rPh sb="2" eb="3">
      <t>ホウ</t>
    </rPh>
    <rPh sb="3" eb="4">
      <t>オトコ</t>
    </rPh>
    <phoneticPr fontId="4"/>
  </si>
  <si>
    <t>箱根167</t>
  </si>
  <si>
    <t>箱根駅伝ミュージアム</t>
    <rPh sb="0" eb="2">
      <t>ハコネ</t>
    </rPh>
    <rPh sb="2" eb="4">
      <t>エキデン</t>
    </rPh>
    <phoneticPr fontId="4"/>
  </si>
  <si>
    <t>小涌谷493-1</t>
    <rPh sb="0" eb="3">
      <t>コワクダニ</t>
    </rPh>
    <phoneticPr fontId="4"/>
  </si>
  <si>
    <t>岡田美術館</t>
    <rPh sb="0" eb="2">
      <t>オカダ</t>
    </rPh>
    <rPh sb="2" eb="5">
      <t>ビジュツカン</t>
    </rPh>
    <phoneticPr fontId="4"/>
  </si>
  <si>
    <t>仙石原1251 大涌谷くろたまご館１F</t>
    <rPh sb="0" eb="3">
      <t>センゴクバラ</t>
    </rPh>
    <rPh sb="8" eb="11">
      <t>オオワクダニ</t>
    </rPh>
    <rPh sb="16" eb="17">
      <t>カン</t>
    </rPh>
    <phoneticPr fontId="4"/>
  </si>
  <si>
    <t>箱根ジオミュージアム</t>
    <rPh sb="0" eb="2">
      <t>ハコネ</t>
    </rPh>
    <phoneticPr fontId="4"/>
  </si>
  <si>
    <t>仙石原186-1</t>
    <rPh sb="0" eb="3">
      <t>センゴクバラ</t>
    </rPh>
    <phoneticPr fontId="4"/>
  </si>
  <si>
    <t>箱根ラリック美術館</t>
    <rPh sb="0" eb="2">
      <t>ハコネ</t>
    </rPh>
    <rPh sb="6" eb="9">
      <t>ビジュツカン</t>
    </rPh>
    <phoneticPr fontId="4"/>
  </si>
  <si>
    <t>強羅1300-432</t>
    <rPh sb="0" eb="2">
      <t>ゴウラ</t>
    </rPh>
    <phoneticPr fontId="4"/>
  </si>
  <si>
    <t>箱根写真美術館</t>
    <rPh sb="0" eb="2">
      <t>ハコネ</t>
    </rPh>
    <rPh sb="2" eb="4">
      <t>シャシン</t>
    </rPh>
    <rPh sb="4" eb="7">
      <t>ビジュツカン</t>
    </rPh>
    <phoneticPr fontId="4"/>
  </si>
  <si>
    <t>湯本84</t>
  </si>
  <si>
    <t>本間寄木美術館</t>
    <rPh sb="2" eb="4">
      <t>ヨセギ</t>
    </rPh>
    <phoneticPr fontId="4"/>
  </si>
  <si>
    <t>湯本266</t>
  </si>
  <si>
    <t>箱根町立郷土資料館</t>
    <rPh sb="0" eb="2">
      <t>ハコネ</t>
    </rPh>
    <rPh sb="2" eb="4">
      <t>チョウリツ</t>
    </rPh>
    <phoneticPr fontId="4"/>
  </si>
  <si>
    <t>畑宿103</t>
  </si>
  <si>
    <t>畑宿寄木会館</t>
  </si>
  <si>
    <t>元箱根80-1</t>
  </si>
  <si>
    <t>箱根神社宝物殿</t>
  </si>
  <si>
    <t>元箱根570</t>
  </si>
  <si>
    <t>箱根芦ノ湖成川美術館</t>
  </si>
  <si>
    <t>箱根381-4(箱根やすらぎの森内)</t>
    <rPh sb="8" eb="10">
      <t>ハコネ</t>
    </rPh>
    <rPh sb="15" eb="16">
      <t>モリ</t>
    </rPh>
    <rPh sb="16" eb="17">
      <t>ナイ</t>
    </rPh>
    <phoneticPr fontId="4"/>
  </si>
  <si>
    <t>箱根町立森のふれあい館</t>
    <rPh sb="0" eb="2">
      <t>ハコネ</t>
    </rPh>
    <rPh sb="2" eb="3">
      <t>チョウ</t>
    </rPh>
    <rPh sb="3" eb="4">
      <t>リツ</t>
    </rPh>
    <phoneticPr fontId="4"/>
  </si>
  <si>
    <t>箱根1</t>
  </si>
  <si>
    <t>箱根町立箱根関所・箱根関所資料館</t>
    <rPh sb="0" eb="2">
      <t>ハコネ</t>
    </rPh>
    <rPh sb="2" eb="3">
      <t>チョウ</t>
    </rPh>
    <rPh sb="3" eb="4">
      <t>リツ</t>
    </rPh>
    <rPh sb="4" eb="6">
      <t>ハコネ</t>
    </rPh>
    <rPh sb="6" eb="8">
      <t>セキショ</t>
    </rPh>
    <phoneticPr fontId="4"/>
  </si>
  <si>
    <t>仙石原小塚山1285</t>
    <rPh sb="0" eb="2">
      <t>センゴク</t>
    </rPh>
    <rPh sb="2" eb="3">
      <t>ハラ</t>
    </rPh>
    <rPh sb="3" eb="4">
      <t>コ</t>
    </rPh>
    <rPh sb="4" eb="5">
      <t>ヅカ</t>
    </rPh>
    <rPh sb="5" eb="6">
      <t>ヤマ</t>
    </rPh>
    <phoneticPr fontId="4"/>
  </si>
  <si>
    <t>ポーラ美術館</t>
    <rPh sb="3" eb="6">
      <t>ビジュツカン</t>
    </rPh>
    <phoneticPr fontId="4"/>
  </si>
  <si>
    <t>仙石原940-48</t>
  </si>
  <si>
    <t>箱根ガラスの森美術館</t>
    <rPh sb="7" eb="10">
      <t>ビジュツカン</t>
    </rPh>
    <phoneticPr fontId="4"/>
  </si>
  <si>
    <t>二ノ平1121</t>
  </si>
  <si>
    <t>彫刻の森美術館</t>
  </si>
  <si>
    <t>箱根美術館</t>
  </si>
  <si>
    <t>吉田島3455</t>
    <rPh sb="0" eb="3">
      <t>ヨシダジマ</t>
    </rPh>
    <phoneticPr fontId="4"/>
  </si>
  <si>
    <t>酒匂川ふれあい館</t>
    <rPh sb="0" eb="2">
      <t>サカワ</t>
    </rPh>
    <rPh sb="2" eb="3">
      <t>ガワ</t>
    </rPh>
    <rPh sb="7" eb="8">
      <t>ヤカタ</t>
    </rPh>
    <phoneticPr fontId="4"/>
  </si>
  <si>
    <t>金井島1336</t>
    <rPh sb="0" eb="2">
      <t>カナイ</t>
    </rPh>
    <rPh sb="2" eb="3">
      <t>シマ</t>
    </rPh>
    <phoneticPr fontId="4"/>
  </si>
  <si>
    <t>あしがり郷 瀬戸屋敷</t>
    <rPh sb="4" eb="5">
      <t>ゴウ</t>
    </rPh>
    <rPh sb="6" eb="8">
      <t>セト</t>
    </rPh>
    <rPh sb="8" eb="10">
      <t>ヤシキ</t>
    </rPh>
    <phoneticPr fontId="4"/>
  </si>
  <si>
    <t>山北1840-15　2F</t>
    <rPh sb="0" eb="2">
      <t>ヤマキタ</t>
    </rPh>
    <phoneticPr fontId="4"/>
  </si>
  <si>
    <t>山北町鉄道資料館</t>
    <rPh sb="0" eb="3">
      <t>ヤマキタマチ</t>
    </rPh>
    <rPh sb="3" eb="5">
      <t>テツドウ</t>
    </rPh>
    <rPh sb="5" eb="8">
      <t>シリョウカン</t>
    </rPh>
    <phoneticPr fontId="4"/>
  </si>
  <si>
    <t>山北1840-15</t>
    <rPh sb="0" eb="2">
      <t>ヤマキタ</t>
    </rPh>
    <phoneticPr fontId="4"/>
  </si>
  <si>
    <t>山北町ふるさと交流センター</t>
    <rPh sb="0" eb="3">
      <t>ヤマキタマチ</t>
    </rPh>
    <rPh sb="7" eb="9">
      <t>コウリュウ</t>
    </rPh>
    <phoneticPr fontId="4"/>
  </si>
  <si>
    <t>中川867</t>
    <rPh sb="0" eb="2">
      <t>ナカガワ</t>
    </rPh>
    <phoneticPr fontId="4"/>
  </si>
  <si>
    <t>県立西丹沢ビジターセンター</t>
    <rPh sb="0" eb="2">
      <t>ケンリツ</t>
    </rPh>
    <rPh sb="2" eb="3">
      <t>ニシ</t>
    </rPh>
    <rPh sb="3" eb="5">
      <t>タンザワ</t>
    </rPh>
    <phoneticPr fontId="4"/>
  </si>
  <si>
    <t>神尾田759</t>
    <rPh sb="0" eb="2">
      <t>カミオ</t>
    </rPh>
    <rPh sb="2" eb="3">
      <t>タ</t>
    </rPh>
    <phoneticPr fontId="4"/>
  </si>
  <si>
    <t>丹沢湖記念館・三保の家</t>
    <rPh sb="0" eb="2">
      <t>タンザワ</t>
    </rPh>
    <rPh sb="2" eb="3">
      <t>コ</t>
    </rPh>
    <rPh sb="3" eb="5">
      <t>キネン</t>
    </rPh>
    <rPh sb="5" eb="6">
      <t>カン</t>
    </rPh>
    <rPh sb="7" eb="9">
      <t>ミホ</t>
    </rPh>
    <rPh sb="10" eb="11">
      <t>イエ</t>
    </rPh>
    <phoneticPr fontId="4"/>
  </si>
  <si>
    <t>柳248</t>
    <rPh sb="0" eb="1">
      <t>ヤナギ</t>
    </rPh>
    <phoneticPr fontId="4"/>
  </si>
  <si>
    <t>大井町郷土資料館</t>
    <rPh sb="0" eb="3">
      <t>オオイマチ</t>
    </rPh>
    <rPh sb="3" eb="5">
      <t>キョウド</t>
    </rPh>
    <rPh sb="5" eb="8">
      <t>シリョウカン</t>
    </rPh>
    <phoneticPr fontId="4"/>
  </si>
  <si>
    <t>久所418</t>
    <rPh sb="0" eb="1">
      <t>キュウ</t>
    </rPh>
    <rPh sb="1" eb="2">
      <t>トコロ</t>
    </rPh>
    <phoneticPr fontId="4"/>
  </si>
  <si>
    <t>おもしろ体験博物館 江戸民具街道</t>
    <rPh sb="4" eb="6">
      <t>タイケン</t>
    </rPh>
    <rPh sb="6" eb="9">
      <t>ハクブツカン</t>
    </rPh>
    <rPh sb="10" eb="12">
      <t>エド</t>
    </rPh>
    <rPh sb="12" eb="14">
      <t>ミング</t>
    </rPh>
    <rPh sb="14" eb="16">
      <t>カイドウ</t>
    </rPh>
    <phoneticPr fontId="4"/>
  </si>
  <si>
    <t>比奈窪107</t>
    <rPh sb="0" eb="2">
      <t>ヒナ</t>
    </rPh>
    <rPh sb="2" eb="3">
      <t>クボ</t>
    </rPh>
    <phoneticPr fontId="4"/>
  </si>
  <si>
    <t>中井町郷土資料館</t>
    <rPh sb="0" eb="3">
      <t>ナカイマチ</t>
    </rPh>
    <rPh sb="3" eb="5">
      <t>キョウド</t>
    </rPh>
    <rPh sb="5" eb="8">
      <t>シリョウカン</t>
    </rPh>
    <phoneticPr fontId="4"/>
  </si>
  <si>
    <t>大雄山1157</t>
    <rPh sb="0" eb="3">
      <t>ダイユウザン</t>
    </rPh>
    <phoneticPr fontId="4"/>
  </si>
  <si>
    <t>大雄山最乗寺尚宝殿</t>
    <rPh sb="0" eb="3">
      <t>ダイユウザン</t>
    </rPh>
    <rPh sb="3" eb="6">
      <t>サイジョウジ</t>
    </rPh>
    <rPh sb="6" eb="7">
      <t>ショウ</t>
    </rPh>
    <rPh sb="7" eb="8">
      <t>タカラ</t>
    </rPh>
    <rPh sb="8" eb="9">
      <t>トノ</t>
    </rPh>
    <phoneticPr fontId="4"/>
  </si>
  <si>
    <t>南足柄市郷土資料館</t>
    <rPh sb="0" eb="1">
      <t>ミナミ</t>
    </rPh>
    <rPh sb="1" eb="3">
      <t>アシガラ</t>
    </rPh>
    <rPh sb="3" eb="4">
      <t>シ</t>
    </rPh>
    <rPh sb="4" eb="6">
      <t>キョウド</t>
    </rPh>
    <rPh sb="6" eb="9">
      <t>シリョウカン</t>
    </rPh>
    <phoneticPr fontId="4"/>
  </si>
  <si>
    <t>板橋602</t>
    <rPh sb="0" eb="2">
      <t>イタバシ</t>
    </rPh>
    <phoneticPr fontId="4"/>
  </si>
  <si>
    <t>内野邸(元醤油醸造業経営)</t>
    <rPh sb="0" eb="2">
      <t>ウチノ</t>
    </rPh>
    <rPh sb="2" eb="3">
      <t>テイ</t>
    </rPh>
    <rPh sb="4" eb="5">
      <t>モト</t>
    </rPh>
    <rPh sb="5" eb="7">
      <t>ショウユ</t>
    </rPh>
    <rPh sb="7" eb="9">
      <t>ジョウゾウ</t>
    </rPh>
    <rPh sb="9" eb="10">
      <t>ギョウ</t>
    </rPh>
    <rPh sb="10" eb="12">
      <t>ケイエイ</t>
    </rPh>
    <phoneticPr fontId="4"/>
  </si>
  <si>
    <t>城内6-1</t>
  </si>
  <si>
    <t>小田原城常盤木門ＳＡＭＵＲＡＩ館</t>
    <rPh sb="4" eb="6">
      <t>トキワ</t>
    </rPh>
    <rPh sb="6" eb="7">
      <t>キ</t>
    </rPh>
    <rPh sb="7" eb="8">
      <t>モン</t>
    </rPh>
    <rPh sb="15" eb="16">
      <t>カン</t>
    </rPh>
    <phoneticPr fontId="4"/>
  </si>
  <si>
    <t>江之浦362-1</t>
    <rPh sb="0" eb="3">
      <t>エノウラ</t>
    </rPh>
    <phoneticPr fontId="4"/>
  </si>
  <si>
    <t>江之浦測候所</t>
    <rPh sb="0" eb="3">
      <t>エノウラ</t>
    </rPh>
    <rPh sb="3" eb="6">
      <t>ソッコウジョ</t>
    </rPh>
    <phoneticPr fontId="4"/>
  </si>
  <si>
    <t>本町1-13-17</t>
    <rPh sb="0" eb="2">
      <t>ホンチョウ</t>
    </rPh>
    <phoneticPr fontId="4"/>
  </si>
  <si>
    <t>外郎(ういろう)博物館</t>
    <rPh sb="0" eb="2">
      <t>ウイロウ</t>
    </rPh>
    <rPh sb="8" eb="11">
      <t>ハクブツカン</t>
    </rPh>
    <phoneticPr fontId="4"/>
  </si>
  <si>
    <t>本町3-7-17</t>
    <rPh sb="0" eb="2">
      <t>ホンマチ</t>
    </rPh>
    <phoneticPr fontId="4"/>
  </si>
  <si>
    <t>　「かまぼこ歴史館」（鱗吉）</t>
    <rPh sb="6" eb="8">
      <t>レキシ</t>
    </rPh>
    <rPh sb="8" eb="9">
      <t>ヤカタ</t>
    </rPh>
    <rPh sb="11" eb="12">
      <t>ウロコ</t>
    </rPh>
    <rPh sb="12" eb="13">
      <t>ヨシ</t>
    </rPh>
    <phoneticPr fontId="4"/>
  </si>
  <si>
    <t>本町2-1-30</t>
    <rPh sb="0" eb="2">
      <t>ホンチョウ</t>
    </rPh>
    <phoneticPr fontId="4"/>
  </si>
  <si>
    <t>　「のれんと味の博物館」(だるま料理店)</t>
    <rPh sb="6" eb="7">
      <t>アジ</t>
    </rPh>
    <rPh sb="16" eb="18">
      <t>リョウリ</t>
    </rPh>
    <rPh sb="18" eb="19">
      <t>テン</t>
    </rPh>
    <phoneticPr fontId="4"/>
  </si>
  <si>
    <t>風祭245</t>
  </si>
  <si>
    <t>　「かまぼこ博物館」(鈴廣)</t>
    <rPh sb="11" eb="12">
      <t>スズ</t>
    </rPh>
    <rPh sb="12" eb="13">
      <t>ヒロ</t>
    </rPh>
    <phoneticPr fontId="4"/>
  </si>
  <si>
    <t>早川2-2-15</t>
    <rPh sb="0" eb="2">
      <t>ハヤカワ</t>
    </rPh>
    <phoneticPr fontId="4"/>
  </si>
  <si>
    <t>　「寄木ギャラリー」(露木木工所)</t>
    <rPh sb="2" eb="4">
      <t>ヨセギ</t>
    </rPh>
    <rPh sb="11" eb="13">
      <t>ツユキ</t>
    </rPh>
    <rPh sb="13" eb="16">
      <t>モッコウショ</t>
    </rPh>
    <phoneticPr fontId="4"/>
  </si>
  <si>
    <t>早川2-4-3</t>
    <rPh sb="0" eb="2">
      <t>ハヤカワ</t>
    </rPh>
    <phoneticPr fontId="4"/>
  </si>
  <si>
    <t>　「ひもの体験館」(カネタ前田商店)</t>
    <rPh sb="5" eb="7">
      <t>タイケン</t>
    </rPh>
    <rPh sb="7" eb="8">
      <t>カン</t>
    </rPh>
    <phoneticPr fontId="4"/>
  </si>
  <si>
    <t>南板橋2-226-2</t>
    <rPh sb="0" eb="1">
      <t>ミナミ</t>
    </rPh>
    <rPh sb="1" eb="3">
      <t>イタバシ</t>
    </rPh>
    <phoneticPr fontId="4"/>
  </si>
  <si>
    <t>　「木地挽き・ろくろ工房」(大川木工所)</t>
    <rPh sb="2" eb="4">
      <t>キジ</t>
    </rPh>
    <rPh sb="4" eb="5">
      <t>ヒ</t>
    </rPh>
    <rPh sb="10" eb="12">
      <t>コウボウ</t>
    </rPh>
    <rPh sb="14" eb="16">
      <t>オオカワ</t>
    </rPh>
    <rPh sb="16" eb="19">
      <t>モッコウショ</t>
    </rPh>
    <phoneticPr fontId="4"/>
  </si>
  <si>
    <t>本町4-2-37</t>
    <rPh sb="0" eb="2">
      <t>ホンチョウ</t>
    </rPh>
    <phoneticPr fontId="4"/>
  </si>
  <si>
    <t>　「梅万資料館」(欄干橋ちん里う)</t>
    <rPh sb="2" eb="3">
      <t>ウメ</t>
    </rPh>
    <rPh sb="3" eb="4">
      <t>ヨロズ</t>
    </rPh>
    <rPh sb="4" eb="7">
      <t>シリョウカン</t>
    </rPh>
    <rPh sb="9" eb="11">
      <t>ランカン</t>
    </rPh>
    <rPh sb="11" eb="12">
      <t>バシ</t>
    </rPh>
    <phoneticPr fontId="4"/>
  </si>
  <si>
    <t>本町4-2-48</t>
    <rPh sb="0" eb="2">
      <t>ホンチョウ</t>
    </rPh>
    <phoneticPr fontId="4"/>
  </si>
  <si>
    <t>　「薬博物館」(済生堂薬局小西本店)</t>
    <rPh sb="2" eb="3">
      <t>クスリ</t>
    </rPh>
    <rPh sb="3" eb="6">
      <t>ハクブツカン</t>
    </rPh>
    <phoneticPr fontId="4"/>
  </si>
  <si>
    <t>本町3-5-23</t>
    <rPh sb="0" eb="2">
      <t>ホンチョウ</t>
    </rPh>
    <phoneticPr fontId="4"/>
  </si>
  <si>
    <t>　「染め織り館」(山田呉服店)</t>
    <rPh sb="2" eb="3">
      <t>ソ</t>
    </rPh>
    <rPh sb="4" eb="5">
      <t>オリ</t>
    </rPh>
    <rPh sb="6" eb="7">
      <t>カン</t>
    </rPh>
    <rPh sb="9" eb="11">
      <t>ヤマダ</t>
    </rPh>
    <rPh sb="11" eb="13">
      <t>ゴフク</t>
    </rPh>
    <rPh sb="13" eb="14">
      <t>ミセ</t>
    </rPh>
    <phoneticPr fontId="4"/>
  </si>
  <si>
    <t>本町3-2-12</t>
    <rPh sb="0" eb="2">
      <t>ホンチョウ</t>
    </rPh>
    <phoneticPr fontId="4"/>
  </si>
  <si>
    <t>　「かつおぶし博物館」(籠常商店)</t>
    <rPh sb="7" eb="10">
      <t>ハクブツカン</t>
    </rPh>
    <rPh sb="14" eb="16">
      <t>ショウテン</t>
    </rPh>
    <phoneticPr fontId="4"/>
  </si>
  <si>
    <t>浜町3-8-4</t>
    <rPh sb="0" eb="2">
      <t>ハマノマチ</t>
    </rPh>
    <phoneticPr fontId="4"/>
  </si>
  <si>
    <t>　「ひもの工房」(早瀬幸八商店)</t>
    <rPh sb="5" eb="7">
      <t>コウボウ</t>
    </rPh>
    <phoneticPr fontId="4"/>
  </si>
  <si>
    <t>浜町3-1-44</t>
    <rPh sb="0" eb="2">
      <t>ハマチョウ</t>
    </rPh>
    <phoneticPr fontId="4"/>
  </si>
  <si>
    <t>　「陶彩ぎゃらりぃ」(松崎屋陶器店)</t>
    <rPh sb="2" eb="3">
      <t>トウ</t>
    </rPh>
    <rPh sb="3" eb="4">
      <t>イロドリ</t>
    </rPh>
    <phoneticPr fontId="4"/>
  </si>
  <si>
    <t>中町3-1-22</t>
    <rPh sb="0" eb="2">
      <t>ナカチョウ</t>
    </rPh>
    <phoneticPr fontId="4"/>
  </si>
  <si>
    <t>　「砂張ギャラリー鳴物館」(柏木美術鋳物研究所)</t>
    <rPh sb="2" eb="3">
      <t>スナ</t>
    </rPh>
    <rPh sb="3" eb="4">
      <t>ハリ</t>
    </rPh>
    <rPh sb="9" eb="11">
      <t>ナリモノ</t>
    </rPh>
    <rPh sb="11" eb="12">
      <t>ヤカタ</t>
    </rPh>
    <rPh sb="14" eb="16">
      <t>カシワギ</t>
    </rPh>
    <rPh sb="16" eb="18">
      <t>ビジュツ</t>
    </rPh>
    <rPh sb="18" eb="20">
      <t>イモノ</t>
    </rPh>
    <rPh sb="20" eb="23">
      <t>ケンキュウジョ</t>
    </rPh>
    <phoneticPr fontId="4"/>
  </si>
  <si>
    <t>浜町4-1-7</t>
    <rPh sb="0" eb="2">
      <t>ハマチョウ</t>
    </rPh>
    <phoneticPr fontId="4"/>
  </si>
  <si>
    <t>　「漬物・佃煮・惣菜工房」(田中屋本店)</t>
    <rPh sb="2" eb="4">
      <t>ツケモノ</t>
    </rPh>
    <rPh sb="5" eb="7">
      <t>ツクダニ</t>
    </rPh>
    <rPh sb="8" eb="10">
      <t>ソウザイ</t>
    </rPh>
    <rPh sb="10" eb="12">
      <t>コウボウ</t>
    </rPh>
    <rPh sb="14" eb="16">
      <t>タナカ</t>
    </rPh>
    <rPh sb="16" eb="17">
      <t>ヤ</t>
    </rPh>
    <rPh sb="17" eb="18">
      <t>ホン</t>
    </rPh>
    <rPh sb="18" eb="19">
      <t>テン</t>
    </rPh>
    <phoneticPr fontId="4"/>
  </si>
  <si>
    <t>栄町1-19-16-102</t>
    <rPh sb="0" eb="2">
      <t>サカエチョウ</t>
    </rPh>
    <phoneticPr fontId="4"/>
  </si>
  <si>
    <t>　「漆・うつわギャラリー」(漆ISHIKAWA　石川漆器)</t>
    <rPh sb="2" eb="3">
      <t>ウルシ</t>
    </rPh>
    <rPh sb="14" eb="15">
      <t>ウルシ</t>
    </rPh>
    <phoneticPr fontId="4"/>
  </si>
  <si>
    <t>栄町2-13-7</t>
    <rPh sb="0" eb="2">
      <t>サカエチョウ</t>
    </rPh>
    <phoneticPr fontId="4"/>
  </si>
  <si>
    <t>　「倭紙茶舗」(江嶋)</t>
    <rPh sb="2" eb="3">
      <t>ワ</t>
    </rPh>
    <rPh sb="3" eb="4">
      <t>シ</t>
    </rPh>
    <rPh sb="4" eb="5">
      <t>チャ</t>
    </rPh>
    <rPh sb="5" eb="6">
      <t>ホ</t>
    </rPh>
    <rPh sb="8" eb="10">
      <t>エジマ</t>
    </rPh>
    <phoneticPr fontId="4"/>
  </si>
  <si>
    <t>小田原「街かど博物館」</t>
    <rPh sb="0" eb="3">
      <t>オダワラ</t>
    </rPh>
    <rPh sb="4" eb="5">
      <t>マチ</t>
    </rPh>
    <rPh sb="7" eb="10">
      <t>ハクブツカン</t>
    </rPh>
    <phoneticPr fontId="4"/>
  </si>
  <si>
    <t>本町3-6-23</t>
    <rPh sb="0" eb="2">
      <t>ホンチョウ</t>
    </rPh>
    <phoneticPr fontId="4"/>
  </si>
  <si>
    <t>小田原宿なりわい交流館</t>
    <rPh sb="0" eb="3">
      <t>オダワラ</t>
    </rPh>
    <rPh sb="3" eb="4">
      <t>ヤド</t>
    </rPh>
    <rPh sb="8" eb="10">
      <t>コウリュウ</t>
    </rPh>
    <rPh sb="10" eb="11">
      <t>カン</t>
    </rPh>
    <phoneticPr fontId="4"/>
  </si>
  <si>
    <t>板橋827</t>
    <rPh sb="0" eb="2">
      <t>イタバシ</t>
    </rPh>
    <phoneticPr fontId="4"/>
  </si>
  <si>
    <t>古稀庵(旧 山縣有朋別邸)</t>
    <rPh sb="0" eb="2">
      <t>コキ</t>
    </rPh>
    <rPh sb="2" eb="3">
      <t>アン</t>
    </rPh>
    <rPh sb="6" eb="8">
      <t>ヤマガタ</t>
    </rPh>
    <rPh sb="8" eb="10">
      <t>アリトモ</t>
    </rPh>
    <rPh sb="10" eb="11">
      <t>ベツ</t>
    </rPh>
    <phoneticPr fontId="4"/>
  </si>
  <si>
    <t>城内3-71</t>
  </si>
  <si>
    <t>入生田499</t>
  </si>
  <si>
    <t>神奈川県立生命の星・地球博物館</t>
    <rPh sb="0" eb="3">
      <t>カナガワ</t>
    </rPh>
    <phoneticPr fontId="4"/>
  </si>
  <si>
    <t>南町2-3-4</t>
  </si>
  <si>
    <t>小田原文学館・白秋童謡館・尾崎一雄邸書斎</t>
    <rPh sb="13" eb="15">
      <t>オザキ</t>
    </rPh>
    <rPh sb="15" eb="17">
      <t>カズオ</t>
    </rPh>
    <rPh sb="17" eb="18">
      <t>テイ</t>
    </rPh>
    <rPh sb="18" eb="20">
      <t>ショサイ</t>
    </rPh>
    <phoneticPr fontId="4"/>
  </si>
  <si>
    <t>報徳博物館</t>
  </si>
  <si>
    <t>栢山2065-1</t>
  </si>
  <si>
    <t>小田原市尊徳記念館・二宮尊徳生家</t>
    <rPh sb="0" eb="4">
      <t>オダワラシ</t>
    </rPh>
    <rPh sb="10" eb="12">
      <t>ニノミヤ</t>
    </rPh>
    <rPh sb="12" eb="14">
      <t>ソントク</t>
    </rPh>
    <rPh sb="14" eb="16">
      <t>セイカ</t>
    </rPh>
    <phoneticPr fontId="4"/>
  </si>
  <si>
    <t>板橋941-1</t>
  </si>
  <si>
    <t>城内7-8</t>
  </si>
  <si>
    <t>小田原市郷土文化館</t>
  </si>
  <si>
    <t>小田原城天守閣</t>
  </si>
  <si>
    <t>真鶴港岸壁広場</t>
  </si>
  <si>
    <t>真鶴町</t>
  </si>
  <si>
    <t>仙石原諏訪神社</t>
  </si>
  <si>
    <t>箱根町</t>
  </si>
  <si>
    <t>荒井城址公園</t>
  </si>
  <si>
    <t>山北町</t>
  </si>
  <si>
    <t>松田町</t>
  </si>
  <si>
    <t>大雄町花咲く里山</t>
  </si>
  <si>
    <t>ふくざわ公園</t>
  </si>
  <si>
    <t>JAかながわ西湘福沢総合選果場下付近</t>
  </si>
  <si>
    <t>南足柄市役所アトリウム</t>
  </si>
  <si>
    <t>上旬</t>
    <rPh sb="0" eb="2">
      <t>ジョウジュン</t>
    </rPh>
    <phoneticPr fontId="7"/>
  </si>
  <si>
    <t>郷土資料館等</t>
  </si>
  <si>
    <t>大井町</t>
  </si>
  <si>
    <t>農業体験施設　四季の里</t>
  </si>
  <si>
    <t>洞川堤防（墨まま橋周辺）</t>
  </si>
  <si>
    <t>瀬戸屋敷</t>
  </si>
  <si>
    <t>開成町</t>
  </si>
  <si>
    <t>小田原市</t>
  </si>
  <si>
    <t>西平畑公園</t>
  </si>
  <si>
    <t>中旬～3月中旬</t>
    <rPh sb="0" eb="2">
      <t>チュウジュン</t>
    </rPh>
    <rPh sb="4" eb="5">
      <t>ツキ</t>
    </rPh>
    <rPh sb="5" eb="7">
      <t>チュウジュン</t>
    </rPh>
    <phoneticPr fontId="7"/>
  </si>
  <si>
    <t>箱根神社</t>
  </si>
  <si>
    <t xml:space="preserve"> 3日</t>
    <rPh sb="2" eb="3">
      <t>ヒ</t>
    </rPh>
    <phoneticPr fontId="7"/>
  </si>
  <si>
    <t>湯河原梅林（幕山公園）</t>
  </si>
  <si>
    <t>湯河原町</t>
  </si>
  <si>
    <t>曽我梅林、小田原城址公園</t>
  </si>
  <si>
    <t>寄ロウバイ園</t>
  </si>
  <si>
    <t>中旬～2月中旬</t>
    <rPh sb="0" eb="2">
      <t>チュウジュン</t>
    </rPh>
    <rPh sb="4" eb="5">
      <t>ツキ</t>
    </rPh>
    <rPh sb="5" eb="7">
      <t>チュウジュン</t>
    </rPh>
    <phoneticPr fontId="7"/>
  </si>
  <si>
    <t>芦ノ湖</t>
  </si>
  <si>
    <t>国道1号</t>
  </si>
  <si>
    <t>真鶴町</t>
    <rPh sb="0" eb="2">
      <t>マナヅル</t>
    </rPh>
    <rPh sb="2" eb="3">
      <t>マチ</t>
    </rPh>
    <phoneticPr fontId="7"/>
  </si>
  <si>
    <t>山北町</t>
    <rPh sb="0" eb="2">
      <t>ヤマキタ</t>
    </rPh>
    <rPh sb="2" eb="3">
      <t>マチ</t>
    </rPh>
    <phoneticPr fontId="7"/>
  </si>
  <si>
    <t>JR御殿場線松田駅北口広場</t>
    <rPh sb="2" eb="5">
      <t>ゴテンバ</t>
    </rPh>
    <rPh sb="5" eb="6">
      <t>セン</t>
    </rPh>
    <rPh sb="6" eb="9">
      <t>マツダエキ</t>
    </rPh>
    <rPh sb="9" eb="11">
      <t>キタグチ</t>
    </rPh>
    <rPh sb="11" eb="13">
      <t>ヒロバ</t>
    </rPh>
    <phoneticPr fontId="4"/>
  </si>
  <si>
    <t>松田町</t>
    <rPh sb="0" eb="3">
      <t>マツダマチ</t>
    </rPh>
    <phoneticPr fontId="7"/>
  </si>
  <si>
    <t>湯本温泉街</t>
    <rPh sb="0" eb="2">
      <t>ユモト</t>
    </rPh>
    <rPh sb="2" eb="4">
      <t>オンセン</t>
    </rPh>
    <rPh sb="4" eb="5">
      <t>ガイ</t>
    </rPh>
    <phoneticPr fontId="4"/>
  </si>
  <si>
    <t>箱根町</t>
    <rPh sb="0" eb="3">
      <t>ハコネマチ</t>
    </rPh>
    <phoneticPr fontId="7"/>
  </si>
  <si>
    <t>開成町</t>
    <rPh sb="0" eb="3">
      <t>カイセイマチ</t>
    </rPh>
    <phoneticPr fontId="7"/>
  </si>
  <si>
    <t>瀬戸屋敷　秋の市</t>
    <rPh sb="0" eb="2">
      <t>セト</t>
    </rPh>
    <rPh sb="2" eb="4">
      <t>ヤシキ</t>
    </rPh>
    <rPh sb="5" eb="6">
      <t>アキ</t>
    </rPh>
    <rPh sb="7" eb="8">
      <t>イチ</t>
    </rPh>
    <phoneticPr fontId="7"/>
  </si>
  <si>
    <t>上旬</t>
    <rPh sb="0" eb="2">
      <t>ジョウジュン</t>
    </rPh>
    <phoneticPr fontId="4"/>
  </si>
  <si>
    <t>駒ヶ岳山頂</t>
    <rPh sb="0" eb="3">
      <t>コマガタケ</t>
    </rPh>
    <rPh sb="3" eb="5">
      <t>サンチョウ</t>
    </rPh>
    <phoneticPr fontId="4"/>
  </si>
  <si>
    <t>中井町</t>
    <rPh sb="0" eb="3">
      <t>ナカイマチ</t>
    </rPh>
    <phoneticPr fontId="7"/>
  </si>
  <si>
    <t>元箱根</t>
  </si>
  <si>
    <t>ケンペル・バーニー祭</t>
  </si>
  <si>
    <t>小田原城址公園とその周辺</t>
    <rPh sb="0" eb="3">
      <t>オダワラ</t>
    </rPh>
    <rPh sb="3" eb="5">
      <t>ジョウシ</t>
    </rPh>
    <rPh sb="5" eb="7">
      <t>コウエン</t>
    </rPh>
    <rPh sb="10" eb="12">
      <t>シュウヘン</t>
    </rPh>
    <phoneticPr fontId="4"/>
  </si>
  <si>
    <t>町内全域</t>
    <rPh sb="0" eb="2">
      <t>チョウナイ</t>
    </rPh>
    <rPh sb="2" eb="4">
      <t>ゼンイキ</t>
    </rPh>
    <phoneticPr fontId="4"/>
  </si>
  <si>
    <t>上旬～12月下旬</t>
    <rPh sb="0" eb="2">
      <t>ジョウジュン</t>
    </rPh>
    <rPh sb="5" eb="6">
      <t>ツキ</t>
    </rPh>
    <rPh sb="6" eb="8">
      <t>ゲジュン</t>
    </rPh>
    <phoneticPr fontId="7"/>
  </si>
  <si>
    <t>場     所</t>
    <rPh sb="0" eb="1">
      <t>バ</t>
    </rPh>
    <rPh sb="6" eb="7">
      <t>ショ</t>
    </rPh>
    <phoneticPr fontId="4"/>
  </si>
  <si>
    <t>名     称</t>
    <rPh sb="0" eb="1">
      <t>ナ</t>
    </rPh>
    <rPh sb="6" eb="7">
      <t>ショウ</t>
    </rPh>
    <phoneticPr fontId="4"/>
  </si>
  <si>
    <t>期     日</t>
    <rPh sb="0" eb="1">
      <t>キ</t>
    </rPh>
    <rPh sb="6" eb="7">
      <t>ヒ</t>
    </rPh>
    <phoneticPr fontId="4"/>
  </si>
  <si>
    <t>下半期</t>
    <rPh sb="0" eb="3">
      <t>シモハンキ</t>
    </rPh>
    <phoneticPr fontId="4"/>
  </si>
  <si>
    <t>大井町</t>
    <rPh sb="0" eb="3">
      <t>オオイマチ</t>
    </rPh>
    <phoneticPr fontId="7"/>
  </si>
  <si>
    <t>酒匂川町民親水広場</t>
    <rPh sb="0" eb="2">
      <t>サカワ</t>
    </rPh>
    <rPh sb="2" eb="3">
      <t>ガワ</t>
    </rPh>
    <rPh sb="3" eb="5">
      <t>チョウミン</t>
    </rPh>
    <rPh sb="5" eb="7">
      <t>シンスイ</t>
    </rPh>
    <rPh sb="7" eb="9">
      <t>ヒロバ</t>
    </rPh>
    <phoneticPr fontId="4"/>
  </si>
  <si>
    <t>宮城野</t>
    <rPh sb="0" eb="3">
      <t>ミヤギノ</t>
    </rPh>
    <phoneticPr fontId="4"/>
  </si>
  <si>
    <t>大平台温泉</t>
    <rPh sb="0" eb="3">
      <t>オオヒラダイ</t>
    </rPh>
    <rPh sb="3" eb="5">
      <t>オンセン</t>
    </rPh>
    <phoneticPr fontId="4"/>
  </si>
  <si>
    <t>山北町</t>
    <rPh sb="0" eb="3">
      <t>ヤマキタマチ</t>
    </rPh>
    <phoneticPr fontId="7"/>
  </si>
  <si>
    <t>元箱根、芦ノ湖畔</t>
    <rPh sb="4" eb="5">
      <t>アシ</t>
    </rPh>
    <rPh sb="6" eb="7">
      <t>コ</t>
    </rPh>
    <rPh sb="7" eb="8">
      <t>ハン</t>
    </rPh>
    <phoneticPr fontId="4"/>
  </si>
  <si>
    <t>貴船神社、真鶴港</t>
    <rPh sb="0" eb="2">
      <t>キフネ</t>
    </rPh>
    <rPh sb="2" eb="4">
      <t>ジンジャ</t>
    </rPh>
    <rPh sb="5" eb="7">
      <t>マナヅル</t>
    </rPh>
    <rPh sb="7" eb="8">
      <t>コウ</t>
    </rPh>
    <phoneticPr fontId="4"/>
  </si>
  <si>
    <t>岩海岸</t>
    <rPh sb="0" eb="1">
      <t>イワ</t>
    </rPh>
    <rPh sb="1" eb="3">
      <t>カイガン</t>
    </rPh>
    <phoneticPr fontId="4"/>
  </si>
  <si>
    <t>宮城野　諏訪神社</t>
    <rPh sb="0" eb="2">
      <t>ミヤギ</t>
    </rPh>
    <rPh sb="2" eb="3">
      <t>ノ</t>
    </rPh>
    <rPh sb="4" eb="6">
      <t>スワ</t>
    </rPh>
    <rPh sb="6" eb="8">
      <t>ジンジャ</t>
    </rPh>
    <phoneticPr fontId="4"/>
  </si>
  <si>
    <t>丹沢湖　玄倉ふれあいランド</t>
    <rPh sb="0" eb="2">
      <t>タンザワ</t>
    </rPh>
    <rPh sb="2" eb="3">
      <t>コ</t>
    </rPh>
    <rPh sb="4" eb="6">
      <t>クロクラ</t>
    </rPh>
    <phoneticPr fontId="4"/>
  </si>
  <si>
    <t>南足柄市</t>
    <rPh sb="0" eb="4">
      <t>ミナミアシガラシ</t>
    </rPh>
    <phoneticPr fontId="7"/>
  </si>
  <si>
    <t>矢倉沢</t>
    <rPh sb="0" eb="1">
      <t>ヤ</t>
    </rPh>
    <rPh sb="1" eb="3">
      <t>クラサワ</t>
    </rPh>
    <phoneticPr fontId="4"/>
  </si>
  <si>
    <t>真鶴町</t>
    <rPh sb="0" eb="3">
      <t>マナヅルマチ</t>
    </rPh>
    <phoneticPr fontId="7"/>
  </si>
  <si>
    <t>湯河原町</t>
    <rPh sb="0" eb="4">
      <t>ユガワラチョウ</t>
    </rPh>
    <phoneticPr fontId="7"/>
  </si>
  <si>
    <t>仙石原公時神社</t>
  </si>
  <si>
    <t>上半期</t>
    <rPh sb="0" eb="3">
      <t>カミハンキ</t>
    </rPh>
    <phoneticPr fontId="4"/>
  </si>
  <si>
    <t>小田原おでんサミット</t>
  </si>
  <si>
    <t>小田原城址公園二の丸広場</t>
  </si>
  <si>
    <t>春季清流釣り大会</t>
  </si>
  <si>
    <t>花まつり(稚児行列)</t>
    <rPh sb="0" eb="1">
      <t>ハナ</t>
    </rPh>
    <rPh sb="5" eb="9">
      <t>チゴギョウレツ</t>
    </rPh>
    <phoneticPr fontId="4"/>
  </si>
  <si>
    <t>南足柄市</t>
    <rPh sb="0" eb="3">
      <t>ミナミアシガラ</t>
    </rPh>
    <rPh sb="3" eb="4">
      <t>シ</t>
    </rPh>
    <phoneticPr fontId="4"/>
  </si>
  <si>
    <t>大雄山最乗寺</t>
    <rPh sb="0" eb="3">
      <t>ダイユウザン</t>
    </rPh>
    <rPh sb="3" eb="6">
      <t>サイジョウジ</t>
    </rPh>
    <phoneticPr fontId="15"/>
  </si>
  <si>
    <t>山北鉄道公園</t>
  </si>
  <si>
    <t>最明寺例祭</t>
  </si>
  <si>
    <t>最明寺史跡公園</t>
  </si>
  <si>
    <t>真鶴なぶら市</t>
    <rPh sb="0" eb="2">
      <t>マナツル</t>
    </rPh>
    <rPh sb="5" eb="6">
      <t>イチ</t>
    </rPh>
    <phoneticPr fontId="15"/>
  </si>
  <si>
    <t>真鶴港岸壁広場</t>
    <rPh sb="0" eb="2">
      <t>マナツル</t>
    </rPh>
    <rPh sb="2" eb="3">
      <t>コウ</t>
    </rPh>
    <rPh sb="3" eb="5">
      <t>ガンペキ</t>
    </rPh>
    <rPh sb="5" eb="7">
      <t>ヒロバ</t>
    </rPh>
    <phoneticPr fontId="15"/>
  </si>
  <si>
    <t>五所八幡宮例大祭</t>
    <rPh sb="0" eb="1">
      <t>５</t>
    </rPh>
    <rPh sb="1" eb="2">
      <t>トコロ</t>
    </rPh>
    <rPh sb="2" eb="5">
      <t>ハチマングウ</t>
    </rPh>
    <rPh sb="5" eb="8">
      <t>レイタイサイ</t>
    </rPh>
    <phoneticPr fontId="15"/>
  </si>
  <si>
    <t>五所八幡宮</t>
    <rPh sb="0" eb="2">
      <t>ゴショ</t>
    </rPh>
    <rPh sb="2" eb="5">
      <t>ハチマングウ</t>
    </rPh>
    <phoneticPr fontId="15"/>
  </si>
  <si>
    <t>大野山開き</t>
  </si>
  <si>
    <t>大野山山頂</t>
  </si>
  <si>
    <t>金太郎ふじまつり</t>
    <rPh sb="0" eb="3">
      <t>キンタロウ</t>
    </rPh>
    <phoneticPr fontId="4"/>
  </si>
  <si>
    <t>千津島長井宅</t>
    <rPh sb="0" eb="1">
      <t>セン</t>
    </rPh>
    <rPh sb="1" eb="3">
      <t>ツシマ</t>
    </rPh>
    <rPh sb="3" eb="5">
      <t>ナガイ</t>
    </rPh>
    <rPh sb="5" eb="6">
      <t>タク</t>
    </rPh>
    <phoneticPr fontId="4"/>
  </si>
  <si>
    <t>若葉まつり</t>
  </si>
  <si>
    <t>寄自然休養村管理センター敷地</t>
  </si>
  <si>
    <t>公時まつり</t>
  </si>
  <si>
    <t>ひょうたん池周辺</t>
  </si>
  <si>
    <t>岩海岸</t>
  </si>
  <si>
    <t>湯かけまつり</t>
    <rPh sb="0" eb="1">
      <t>ユ</t>
    </rPh>
    <phoneticPr fontId="15"/>
  </si>
  <si>
    <t>町立湯河原美術館～泉公園</t>
    <rPh sb="0" eb="2">
      <t>チョウリツ</t>
    </rPh>
    <rPh sb="2" eb="5">
      <t>ユガワラ</t>
    </rPh>
    <rPh sb="5" eb="8">
      <t>ビジュツカン</t>
    </rPh>
    <rPh sb="9" eb="10">
      <t>イズミ</t>
    </rPh>
    <rPh sb="10" eb="12">
      <t>コウエン</t>
    </rPh>
    <phoneticPr fontId="15"/>
  </si>
  <si>
    <t>23日</t>
  </si>
  <si>
    <t>西丹沢山開き</t>
  </si>
  <si>
    <t>西丹沢ビジターセンター前</t>
  </si>
  <si>
    <t>星ヶ山公園　さつきの郷</t>
  </si>
  <si>
    <t>星ヶ山公園</t>
  </si>
  <si>
    <t>厳島湿生公園竹灯篭の夕べ</t>
    <rPh sb="0" eb="2">
      <t>イツクシマ</t>
    </rPh>
    <rPh sb="2" eb="4">
      <t>シッセイ</t>
    </rPh>
    <rPh sb="4" eb="6">
      <t>コウエン</t>
    </rPh>
    <rPh sb="6" eb="7">
      <t>タケ</t>
    </rPh>
    <rPh sb="7" eb="9">
      <t>トウロウ</t>
    </rPh>
    <rPh sb="10" eb="11">
      <t>ユウ</t>
    </rPh>
    <phoneticPr fontId="15"/>
  </si>
  <si>
    <t>厳島湿生公園</t>
    <rPh sb="0" eb="2">
      <t>イツクシマ</t>
    </rPh>
    <rPh sb="2" eb="4">
      <t>シッセイ</t>
    </rPh>
    <rPh sb="4" eb="6">
      <t>コウエン</t>
    </rPh>
    <phoneticPr fontId="15"/>
  </si>
  <si>
    <t>真鶴なぶら市</t>
    <rPh sb="0" eb="2">
      <t>マナヅル</t>
    </rPh>
    <rPh sb="5" eb="6">
      <t>イチ</t>
    </rPh>
    <phoneticPr fontId="15"/>
  </si>
  <si>
    <t>ほたるの宴</t>
  </si>
  <si>
    <t>万葉公園</t>
  </si>
  <si>
    <t>開成町あじさいまつり</t>
    <rPh sb="0" eb="3">
      <t>カイセイマチ</t>
    </rPh>
    <phoneticPr fontId="15"/>
  </si>
  <si>
    <t>開成町あじさいの里</t>
    <rPh sb="0" eb="3">
      <t>カイセイマチ</t>
    </rPh>
    <rPh sb="8" eb="9">
      <t>サト</t>
    </rPh>
    <phoneticPr fontId="15"/>
  </si>
  <si>
    <t>27日</t>
  </si>
  <si>
    <t>真鶴なぶら市</t>
  </si>
  <si>
    <t>下旬</t>
  </si>
  <si>
    <t>夕日の滝びらき</t>
    <rPh sb="0" eb="2">
      <t>ユウヒ</t>
    </rPh>
    <rPh sb="3" eb="4">
      <t>タキ</t>
    </rPh>
    <phoneticPr fontId="15"/>
  </si>
  <si>
    <t>カヌーマラソンIN丹沢湖</t>
    <rPh sb="9" eb="11">
      <t>タンザワ</t>
    </rPh>
    <rPh sb="11" eb="12">
      <t>コ</t>
    </rPh>
    <phoneticPr fontId="15"/>
  </si>
  <si>
    <t>11日</t>
    <rPh sb="2" eb="3">
      <t>ニチ</t>
    </rPh>
    <phoneticPr fontId="15"/>
  </si>
  <si>
    <t>15日</t>
    <rPh sb="2" eb="3">
      <t>ニチ</t>
    </rPh>
    <phoneticPr fontId="15"/>
  </si>
  <si>
    <t>宮城野湯立獅子舞</t>
    <rPh sb="0" eb="3">
      <t>ミヤギノ</t>
    </rPh>
    <rPh sb="3" eb="5">
      <t>ユダテ</t>
    </rPh>
    <rPh sb="5" eb="8">
      <t>シシマイ</t>
    </rPh>
    <phoneticPr fontId="15"/>
  </si>
  <si>
    <t>岩兒子まつり</t>
  </si>
  <si>
    <t>岩地区</t>
  </si>
  <si>
    <t>小田原みなとまつり</t>
    <rPh sb="0" eb="3">
      <t>オダワラ</t>
    </rPh>
    <phoneticPr fontId="15"/>
  </si>
  <si>
    <t>岩海水浴場海開き</t>
  </si>
  <si>
    <t>貴船まつり</t>
    <rPh sb="0" eb="2">
      <t>キフネ</t>
    </rPh>
    <rPh sb="1" eb="2">
      <t>マキ</t>
    </rPh>
    <phoneticPr fontId="15"/>
  </si>
  <si>
    <t>31日</t>
    <rPh sb="2" eb="3">
      <t>ニチ</t>
    </rPh>
    <phoneticPr fontId="15"/>
  </si>
  <si>
    <t>湖水祭</t>
    <rPh sb="0" eb="2">
      <t>コスイ</t>
    </rPh>
    <rPh sb="2" eb="3">
      <t>マツ</t>
    </rPh>
    <phoneticPr fontId="15"/>
  </si>
  <si>
    <t>足柄金太郎まつり</t>
  </si>
  <si>
    <t xml:space="preserve"> 2日、3日</t>
  </si>
  <si>
    <t>箱根園サマーナイトフェスタ</t>
  </si>
  <si>
    <t>芦ノ湖（箱根園）</t>
  </si>
  <si>
    <t>湯河原やっさまつり</t>
  </si>
  <si>
    <t xml:space="preserve"> 3日</t>
  </si>
  <si>
    <t>太閤ひょうたん祭り</t>
  </si>
  <si>
    <t>宮ノ下</t>
  </si>
  <si>
    <t>駒形神社例祭</t>
  </si>
  <si>
    <t>駒形神社</t>
  </si>
  <si>
    <t xml:space="preserve"> 4日</t>
  </si>
  <si>
    <t>龍神祭</t>
  </si>
  <si>
    <t>湖尻、芦ノ湖畔</t>
  </si>
  <si>
    <t xml:space="preserve"> 5日</t>
  </si>
  <si>
    <t>鳥居焼まつり</t>
  </si>
  <si>
    <t>芦ノ湖畔</t>
  </si>
  <si>
    <t>丹沢湖花火大会</t>
  </si>
  <si>
    <t>丹沢湖</t>
  </si>
  <si>
    <t>大平台温泉姫まつり</t>
    <rPh sb="0" eb="3">
      <t>オオヒラダイ</t>
    </rPh>
    <rPh sb="3" eb="5">
      <t>オンセン</t>
    </rPh>
    <rPh sb="5" eb="6">
      <t>ヒメ</t>
    </rPh>
    <phoneticPr fontId="15"/>
  </si>
  <si>
    <t>16日</t>
    <rPh sb="2" eb="3">
      <t>ニチ</t>
    </rPh>
    <phoneticPr fontId="15"/>
  </si>
  <si>
    <t>箱根大文字焼</t>
    <rPh sb="0" eb="2">
      <t>ハコネ</t>
    </rPh>
    <rPh sb="2" eb="5">
      <t>ダイモンジ</t>
    </rPh>
    <rPh sb="5" eb="6">
      <t>ヤキ</t>
    </rPh>
    <phoneticPr fontId="15"/>
  </si>
  <si>
    <t>まつだ観光まつり・あしがら花火大会</t>
    <rPh sb="3" eb="5">
      <t>カンコウ</t>
    </rPh>
    <phoneticPr fontId="15"/>
  </si>
  <si>
    <t>開成町納涼まつり・あしがら花火大会</t>
    <rPh sb="0" eb="3">
      <t>カイセイマチ</t>
    </rPh>
    <rPh sb="3" eb="5">
      <t>ノウリョウ</t>
    </rPh>
    <rPh sb="13" eb="15">
      <t>ハナビ</t>
    </rPh>
    <rPh sb="15" eb="17">
      <t>タイカイ</t>
    </rPh>
    <phoneticPr fontId="15"/>
  </si>
  <si>
    <t>29日</t>
    <rPh sb="2" eb="3">
      <t>ニチ</t>
    </rPh>
    <phoneticPr fontId="15"/>
  </si>
  <si>
    <t>足柄峠笛まつり</t>
  </si>
  <si>
    <t>足柄城址</t>
  </si>
  <si>
    <t>仙石原すすきまつり</t>
  </si>
  <si>
    <t>仙石原</t>
  </si>
  <si>
    <t>未定</t>
  </si>
  <si>
    <t>役場周辺</t>
  </si>
  <si>
    <t>小田原おでんまつり</t>
  </si>
  <si>
    <t>みかん狩り</t>
  </si>
  <si>
    <t>小田原ちょうちんまつり</t>
    <rPh sb="0" eb="3">
      <t>オダワラ</t>
    </rPh>
    <phoneticPr fontId="15"/>
  </si>
  <si>
    <t>中旬</t>
    <rPh sb="0" eb="2">
      <t>チュウジュン</t>
    </rPh>
    <phoneticPr fontId="4"/>
  </si>
  <si>
    <t>中旬</t>
  </si>
  <si>
    <t>D52フェスティバル</t>
  </si>
  <si>
    <t>山北鉄道公園</t>
    <rPh sb="0" eb="2">
      <t>ヤマキタ</t>
    </rPh>
    <phoneticPr fontId="4"/>
  </si>
  <si>
    <t>一夜城まつり</t>
  </si>
  <si>
    <t>御神火祭・元宮例祭</t>
  </si>
  <si>
    <t>31日</t>
    <rPh sb="2" eb="3">
      <t>ニチ</t>
    </rPh>
    <phoneticPr fontId="4"/>
  </si>
  <si>
    <t>四季の里　いもまつり秋</t>
  </si>
  <si>
    <t>下旬～11月中旬</t>
  </si>
  <si>
    <t>大雄町花咲く里山ざる菊まつり</t>
  </si>
  <si>
    <t>矢倉沢ざる菊まつり</t>
    <rPh sb="0" eb="2">
      <t>ヤクラ</t>
    </rPh>
    <rPh sb="2" eb="3">
      <t>ザワ</t>
    </rPh>
    <rPh sb="5" eb="6">
      <t>キク</t>
    </rPh>
    <phoneticPr fontId="4"/>
  </si>
  <si>
    <t>矢倉沢地区</t>
    <rPh sb="0" eb="2">
      <t>ヤクラ</t>
    </rPh>
    <rPh sb="2" eb="3">
      <t>ザワ</t>
    </rPh>
    <rPh sb="3" eb="5">
      <t>チク</t>
    </rPh>
    <phoneticPr fontId="4"/>
  </si>
  <si>
    <t>内山地区</t>
  </si>
  <si>
    <t xml:space="preserve"> 3日～15日</t>
    <rPh sb="2" eb="3">
      <t>ニチ</t>
    </rPh>
    <rPh sb="6" eb="7">
      <t>ニチ</t>
    </rPh>
    <phoneticPr fontId="4"/>
  </si>
  <si>
    <t>小田原城菊花展</t>
  </si>
  <si>
    <t>室生神社の流鏑馬</t>
  </si>
  <si>
    <t>室生神社</t>
  </si>
  <si>
    <t>箱根大名行列</t>
  </si>
  <si>
    <t>城下町おだわらツーデーマーチ</t>
  </si>
  <si>
    <t>小田原市農業まつり</t>
  </si>
  <si>
    <t>西丹沢もみじ祭り</t>
  </si>
  <si>
    <t>中川バーベキューセンター（仮）</t>
  </si>
  <si>
    <t>山北町産業まつり</t>
  </si>
  <si>
    <t>丹沢湖周辺</t>
  </si>
  <si>
    <t>下旬～12月下旬</t>
  </si>
  <si>
    <t>松田きらきらフェスタ</t>
  </si>
  <si>
    <t>下旬</t>
    <rPh sb="0" eb="2">
      <t>ゲジュン</t>
    </rPh>
    <phoneticPr fontId="7"/>
  </si>
  <si>
    <t>まつだ産業まつり</t>
  </si>
  <si>
    <t>未定</t>
    <rPh sb="0" eb="2">
      <t>ミテイ</t>
    </rPh>
    <phoneticPr fontId="7"/>
  </si>
  <si>
    <t>あかりの祭典</t>
  </si>
  <si>
    <t>中井町</t>
  </si>
  <si>
    <t xml:space="preserve"> 2日、3日</t>
    <rPh sb="5" eb="6">
      <t>ニチ</t>
    </rPh>
    <phoneticPr fontId="15"/>
  </si>
  <si>
    <t>東京箱根間往復大学駅伝競走</t>
  </si>
  <si>
    <t xml:space="preserve"> 5日</t>
    <rPh sb="2" eb="3">
      <t>ヒ</t>
    </rPh>
    <phoneticPr fontId="7"/>
  </si>
  <si>
    <t>芦ノ湖湖水開き</t>
  </si>
  <si>
    <t>寄ロウバイまつり</t>
  </si>
  <si>
    <t>産業まつり</t>
  </si>
  <si>
    <t>小田原梅まつり</t>
  </si>
  <si>
    <t>湯河原梅林「梅の宴」</t>
  </si>
  <si>
    <t>箱根神社節分祭</t>
  </si>
  <si>
    <t>まつだ桜まつり</t>
  </si>
  <si>
    <t>中旬～3月上旬</t>
    <rPh sb="0" eb="2">
      <t>チュウジュン</t>
    </rPh>
    <rPh sb="4" eb="5">
      <t>ガツ</t>
    </rPh>
    <rPh sb="5" eb="7">
      <t>ジョウジュン</t>
    </rPh>
    <phoneticPr fontId="7"/>
  </si>
  <si>
    <t>開成町 瀬戸屋敷ひなまつり</t>
  </si>
  <si>
    <t>四季の里　里山花まつり</t>
  </si>
  <si>
    <t>下旬～3月上旬</t>
  </si>
  <si>
    <t>洞川河津桜まつり</t>
  </si>
  <si>
    <t>お山のひなまつり</t>
  </si>
  <si>
    <t>南足柄市の観光写真コンクール写真展</t>
  </si>
  <si>
    <t>春木径・幸せ道桜まつり</t>
  </si>
  <si>
    <t>一の堰ハラネ春めき桜まつり</t>
  </si>
  <si>
    <t>春めき桜まつり</t>
  </si>
  <si>
    <t>仙石原湯立獅子舞</t>
  </si>
  <si>
    <t>小田原かまぼこ桜まつり</t>
  </si>
  <si>
    <t>小田原城址公園</t>
  </si>
  <si>
    <t>下旬～4月上旬</t>
    <rPh sb="0" eb="2">
      <t>ゲジュン</t>
    </rPh>
    <rPh sb="4" eb="5">
      <t>ガツ</t>
    </rPh>
    <rPh sb="5" eb="7">
      <t>ジョウジュン</t>
    </rPh>
    <phoneticPr fontId="4"/>
  </si>
  <si>
    <t>小田原桜まつり</t>
    <rPh sb="0" eb="3">
      <t>オダワラ</t>
    </rPh>
    <rPh sb="3" eb="4">
      <t>サクラ</t>
    </rPh>
    <phoneticPr fontId="4"/>
  </si>
  <si>
    <t>下旬～4月上旬</t>
  </si>
  <si>
    <t>花咲く里山桜まつり</t>
  </si>
  <si>
    <t>しだれ桜まつり</t>
  </si>
  <si>
    <t>やまきた桜まつり</t>
  </si>
  <si>
    <t>真鶴しだれ桜の宴</t>
  </si>
  <si>
    <t>総合体育館</t>
  </si>
  <si>
    <t>※「設置者」及び「主な小売業者」の変更は大店立地法で届出が義務付けられていないため、
　　変更されている店舗がある場合があります。</t>
    <phoneticPr fontId="4"/>
  </si>
  <si>
    <t>光風荘（2.26事件史跡）</t>
  </si>
  <si>
    <t>本町1-7-50</t>
    <rPh sb="0" eb="2">
      <t>ホンマチ</t>
    </rPh>
    <phoneticPr fontId="4"/>
  </si>
  <si>
    <t>(県西地域県政総合センター企画調整部 調)</t>
  </si>
  <si>
    <t>小田原城 ＮＩＮＪＡ館(歴史見聞館)</t>
    <rPh sb="10" eb="11">
      <t>カン</t>
    </rPh>
    <phoneticPr fontId="4"/>
  </si>
  <si>
    <t>真鶴なぶら市</t>
    <phoneticPr fontId="4"/>
  </si>
  <si>
    <t>栄町1-1の15</t>
    <rPh sb="0" eb="2">
      <t>サカエマチ</t>
    </rPh>
    <phoneticPr fontId="4"/>
  </si>
  <si>
    <t>(南足柄市)</t>
  </si>
  <si>
    <t xml:space="preserve"> 2日</t>
    <phoneticPr fontId="4"/>
  </si>
  <si>
    <t>強羅</t>
    <rPh sb="0" eb="2">
      <t>ゴウラ</t>
    </rPh>
    <phoneticPr fontId="4"/>
  </si>
  <si>
    <t>名　　　称</t>
    <phoneticPr fontId="4"/>
  </si>
  <si>
    <t>イ　動物園、植物園、公園、その他の観光施設等</t>
    <rPh sb="15" eb="16">
      <t>タ</t>
    </rPh>
    <rPh sb="17" eb="19">
      <t>カンコウ</t>
    </rPh>
    <rPh sb="19" eb="21">
      <t>シセツ</t>
    </rPh>
    <phoneticPr fontId="4"/>
  </si>
  <si>
    <t>10　資料編</t>
    <phoneticPr fontId="4"/>
  </si>
  <si>
    <t>（１）管内まつり暦</t>
    <phoneticPr fontId="4"/>
  </si>
  <si>
    <t>寄清流マス釣り場</t>
    <rPh sb="0" eb="1">
      <t>ヤドリキ</t>
    </rPh>
    <phoneticPr fontId="4"/>
  </si>
  <si>
    <t>源頼朝旗挙げ武者行列/土肥祭</t>
    <rPh sb="0" eb="1">
      <t>ミナモト</t>
    </rPh>
    <rPh sb="1" eb="3">
      <t>ヨリトモ</t>
    </rPh>
    <rPh sb="3" eb="5">
      <t>ハタア</t>
    </rPh>
    <rPh sb="6" eb="8">
      <t>ムシャ</t>
    </rPh>
    <rPh sb="8" eb="10">
      <t>ギョウレツ</t>
    </rPh>
    <rPh sb="11" eb="13">
      <t>ドヒ</t>
    </rPh>
    <rPh sb="13" eb="14">
      <t>サイ</t>
    </rPh>
    <phoneticPr fontId="15"/>
  </si>
  <si>
    <t>29日</t>
    <phoneticPr fontId="4"/>
  </si>
  <si>
    <t>松田町</t>
    <phoneticPr fontId="4"/>
  </si>
  <si>
    <t xml:space="preserve"> 2日</t>
    <rPh sb="2" eb="3">
      <t>ニチ</t>
    </rPh>
    <phoneticPr fontId="15"/>
  </si>
  <si>
    <t>北條五代歴代城主墓前供養</t>
    <rPh sb="0" eb="2">
      <t>ホウジョウ</t>
    </rPh>
    <rPh sb="2" eb="4">
      <t>ゴダイ</t>
    </rPh>
    <rPh sb="4" eb="6">
      <t>レキダイ</t>
    </rPh>
    <rPh sb="6" eb="8">
      <t>ジョウシュ</t>
    </rPh>
    <rPh sb="8" eb="10">
      <t>ボゼン</t>
    </rPh>
    <rPh sb="10" eb="12">
      <t>クヨウ</t>
    </rPh>
    <phoneticPr fontId="15"/>
  </si>
  <si>
    <t>小田原市</t>
    <phoneticPr fontId="7"/>
  </si>
  <si>
    <t>湯本早雲寺</t>
    <rPh sb="0" eb="2">
      <t>ユモト</t>
    </rPh>
    <rPh sb="2" eb="5">
      <t>ソウウンジ</t>
    </rPh>
    <phoneticPr fontId="15"/>
  </si>
  <si>
    <t xml:space="preserve"> 3日</t>
    <rPh sb="2" eb="3">
      <t>ニチ</t>
    </rPh>
    <phoneticPr fontId="4"/>
  </si>
  <si>
    <t>小田原城址公園とその周辺及び小田原三の丸ホール</t>
    <rPh sb="10" eb="12">
      <t>シュウヘン</t>
    </rPh>
    <rPh sb="12" eb="13">
      <t>オヨ</t>
    </rPh>
    <rPh sb="14" eb="17">
      <t>オダワラ</t>
    </rPh>
    <rPh sb="17" eb="18">
      <t>サン</t>
    </rPh>
    <rPh sb="19" eb="20">
      <t>マル</t>
    </rPh>
    <phoneticPr fontId="4"/>
  </si>
  <si>
    <t>下旬</t>
    <rPh sb="0" eb="2">
      <t>ゲジュン</t>
    </rPh>
    <phoneticPr fontId="4"/>
  </si>
  <si>
    <t>6</t>
    <phoneticPr fontId="4"/>
  </si>
  <si>
    <t>上旬</t>
    <rPh sb="0" eb="2">
      <t>ジョウジュン</t>
    </rPh>
    <phoneticPr fontId="15"/>
  </si>
  <si>
    <t>26日</t>
    <phoneticPr fontId="4"/>
  </si>
  <si>
    <t>海開き</t>
    <rPh sb="0" eb="1">
      <t>ウミ</t>
    </rPh>
    <rPh sb="1" eb="2">
      <t>ヒラ</t>
    </rPh>
    <phoneticPr fontId="4"/>
  </si>
  <si>
    <t>御幸の浜海水浴場、江之浦海水浴場</t>
    <rPh sb="0" eb="2">
      <t>ミユキ</t>
    </rPh>
    <rPh sb="3" eb="4">
      <t>ハマ</t>
    </rPh>
    <rPh sb="4" eb="7">
      <t>カイスイヨク</t>
    </rPh>
    <rPh sb="7" eb="8">
      <t>ジョウ</t>
    </rPh>
    <rPh sb="9" eb="12">
      <t>エノウラ</t>
    </rPh>
    <rPh sb="12" eb="15">
      <t>カイスイヨク</t>
    </rPh>
    <rPh sb="15" eb="16">
      <t>ジョウ</t>
    </rPh>
    <phoneticPr fontId="4"/>
  </si>
  <si>
    <t>プール開き</t>
    <rPh sb="3" eb="4">
      <t>ビラ</t>
    </rPh>
    <phoneticPr fontId="4"/>
  </si>
  <si>
    <t>御幸の浜プール</t>
    <rPh sb="0" eb="2">
      <t>ミユキ</t>
    </rPh>
    <rPh sb="3" eb="4">
      <t>ハマ</t>
    </rPh>
    <phoneticPr fontId="4"/>
  </si>
  <si>
    <t xml:space="preserve"> </t>
    <phoneticPr fontId="4"/>
  </si>
  <si>
    <t>８</t>
    <phoneticPr fontId="4"/>
  </si>
  <si>
    <t>御神幸祭</t>
    <phoneticPr fontId="15"/>
  </si>
  <si>
    <t>芦ノ湖</t>
    <phoneticPr fontId="4"/>
  </si>
  <si>
    <t xml:space="preserve"> 2日、3日</t>
    <phoneticPr fontId="4"/>
  </si>
  <si>
    <t>湯河原温泉花火大会</t>
    <phoneticPr fontId="4"/>
  </si>
  <si>
    <t>湯河原海浜公園外周路</t>
    <rPh sb="3" eb="5">
      <t>カイヒン</t>
    </rPh>
    <rPh sb="5" eb="7">
      <t>コウエン</t>
    </rPh>
    <rPh sb="7" eb="9">
      <t>ガイシュウ</t>
    </rPh>
    <rPh sb="9" eb="10">
      <t>ロ</t>
    </rPh>
    <phoneticPr fontId="4"/>
  </si>
  <si>
    <t xml:space="preserve"> 6日</t>
    <rPh sb="2" eb="3">
      <t>ニチ</t>
    </rPh>
    <phoneticPr fontId="4"/>
  </si>
  <si>
    <t>大井町</t>
    <rPh sb="0" eb="3">
      <t>オオイマチ</t>
    </rPh>
    <phoneticPr fontId="4"/>
  </si>
  <si>
    <t>おおい中央公園周辺</t>
    <rPh sb="3" eb="5">
      <t>チュウオウ</t>
    </rPh>
    <rPh sb="5" eb="7">
      <t>コウエン</t>
    </rPh>
    <rPh sb="7" eb="9">
      <t>シュウヘン</t>
    </rPh>
    <phoneticPr fontId="4"/>
  </si>
  <si>
    <t>23日、24日</t>
    <rPh sb="6" eb="7">
      <t>ニチ</t>
    </rPh>
    <phoneticPr fontId="4"/>
  </si>
  <si>
    <t>板橋地蔵尊大祭</t>
    <rPh sb="0" eb="2">
      <t>イタバシ</t>
    </rPh>
    <rPh sb="2" eb="5">
      <t>ジゾウソン</t>
    </rPh>
    <rPh sb="5" eb="7">
      <t>タイサイ</t>
    </rPh>
    <phoneticPr fontId="4"/>
  </si>
  <si>
    <t>宗福院</t>
    <rPh sb="0" eb="1">
      <t>ムネ</t>
    </rPh>
    <rPh sb="1" eb="2">
      <t>フク</t>
    </rPh>
    <rPh sb="2" eb="3">
      <t>イン</t>
    </rPh>
    <phoneticPr fontId="4"/>
  </si>
  <si>
    <t>27日</t>
    <rPh sb="2" eb="3">
      <t>ニチ</t>
    </rPh>
    <phoneticPr fontId="15"/>
  </si>
  <si>
    <t>お林展望公園</t>
    <phoneticPr fontId="4"/>
  </si>
  <si>
    <t>28日</t>
    <rPh sb="2" eb="3">
      <t>ニチ</t>
    </rPh>
    <phoneticPr fontId="15"/>
  </si>
  <si>
    <t>10日</t>
    <rPh sb="2" eb="3">
      <t>ニチ</t>
    </rPh>
    <phoneticPr fontId="4"/>
  </si>
  <si>
    <t>宗我神社祭礼</t>
    <rPh sb="0" eb="1">
      <t>ムネ</t>
    </rPh>
    <rPh sb="1" eb="2">
      <t>ワレ</t>
    </rPh>
    <rPh sb="2" eb="4">
      <t>ジンジャ</t>
    </rPh>
    <rPh sb="4" eb="6">
      <t>サイレイ</t>
    </rPh>
    <phoneticPr fontId="4"/>
  </si>
  <si>
    <t>宗我神社</t>
    <rPh sb="0" eb="1">
      <t>ムネ</t>
    </rPh>
    <rPh sb="1" eb="2">
      <t>ワレ</t>
    </rPh>
    <rPh sb="2" eb="4">
      <t>ジンジャ</t>
    </rPh>
    <phoneticPr fontId="4"/>
  </si>
  <si>
    <t>中旬の土日</t>
    <rPh sb="0" eb="2">
      <t>チュウジュン</t>
    </rPh>
    <rPh sb="3" eb="5">
      <t>ドニチ</t>
    </rPh>
    <phoneticPr fontId="4"/>
  </si>
  <si>
    <t>小田原漁港</t>
    <rPh sb="0" eb="3">
      <t>オダワラ</t>
    </rPh>
    <rPh sb="3" eb="5">
      <t>ギョコウ</t>
    </rPh>
    <phoneticPr fontId="4"/>
  </si>
  <si>
    <t>秋季清流釣り大会</t>
    <rPh sb="0" eb="2">
      <t>シュウキ</t>
    </rPh>
    <rPh sb="2" eb="4">
      <t>セイリュウ</t>
    </rPh>
    <rPh sb="4" eb="5">
      <t>ツ</t>
    </rPh>
    <rPh sb="6" eb="8">
      <t>タイカイ</t>
    </rPh>
    <phoneticPr fontId="4"/>
  </si>
  <si>
    <t>松田町</t>
    <rPh sb="0" eb="3">
      <t>マツダマチ</t>
    </rPh>
    <phoneticPr fontId="4"/>
  </si>
  <si>
    <t>寄清流マス釣り場</t>
    <rPh sb="0" eb="1">
      <t>ヤドリキ</t>
    </rPh>
    <rPh sb="1" eb="3">
      <t>セイリュウ</t>
    </rPh>
    <rPh sb="5" eb="6">
      <t>ツ</t>
    </rPh>
    <rPh sb="7" eb="8">
      <t>ジョウ</t>
    </rPh>
    <phoneticPr fontId="4"/>
  </si>
  <si>
    <t>30日</t>
    <rPh sb="2" eb="3">
      <t>ニチ</t>
    </rPh>
    <phoneticPr fontId="4"/>
  </si>
  <si>
    <t>真鶴町</t>
    <rPh sb="0" eb="2">
      <t>マナヅル</t>
    </rPh>
    <phoneticPr fontId="4"/>
  </si>
  <si>
    <t>城址公園スタート・ゴール　ほか</t>
    <rPh sb="0" eb="2">
      <t>ジョウシ</t>
    </rPh>
    <rPh sb="2" eb="4">
      <t>コウエン</t>
    </rPh>
    <phoneticPr fontId="4"/>
  </si>
  <si>
    <t>秋葉山火防祭</t>
    <rPh sb="0" eb="2">
      <t>アキバ</t>
    </rPh>
    <rPh sb="2" eb="3">
      <t>ヤマ</t>
    </rPh>
    <rPh sb="3" eb="4">
      <t>カ</t>
    </rPh>
    <rPh sb="5" eb="6">
      <t>マツリ</t>
    </rPh>
    <phoneticPr fontId="4"/>
  </si>
  <si>
    <t>秋葉山量覚院</t>
    <rPh sb="0" eb="2">
      <t>アキバ</t>
    </rPh>
    <rPh sb="2" eb="3">
      <t>ヤマ</t>
    </rPh>
    <rPh sb="3" eb="4">
      <t>リョウ</t>
    </rPh>
    <rPh sb="4" eb="5">
      <t>オボ</t>
    </rPh>
    <rPh sb="5" eb="6">
      <t>イン</t>
    </rPh>
    <phoneticPr fontId="4"/>
  </si>
  <si>
    <t>17日、18日</t>
    <rPh sb="2" eb="3">
      <t>ニチ</t>
    </rPh>
    <rPh sb="6" eb="7">
      <t>ニチ</t>
    </rPh>
    <phoneticPr fontId="4"/>
  </si>
  <si>
    <t>飯泉観音だるま市</t>
    <rPh sb="0" eb="2">
      <t>イイズミ</t>
    </rPh>
    <rPh sb="2" eb="4">
      <t>カンノン</t>
    </rPh>
    <rPh sb="7" eb="8">
      <t>イチ</t>
    </rPh>
    <phoneticPr fontId="4"/>
  </si>
  <si>
    <t>飯泉山勝福寺</t>
    <rPh sb="0" eb="2">
      <t>イイズミ</t>
    </rPh>
    <rPh sb="2" eb="3">
      <t>ヤマ</t>
    </rPh>
    <rPh sb="3" eb="4">
      <t>カツ</t>
    </rPh>
    <rPh sb="4" eb="5">
      <t>フク</t>
    </rPh>
    <rPh sb="5" eb="6">
      <t>テラ</t>
    </rPh>
    <phoneticPr fontId="4"/>
  </si>
  <si>
    <t>除夜の鐘</t>
    <rPh sb="0" eb="2">
      <t>ジョヤ</t>
    </rPh>
    <rPh sb="3" eb="4">
      <t>カネ</t>
    </rPh>
    <phoneticPr fontId="4"/>
  </si>
  <si>
    <t>鐘楼</t>
    <rPh sb="0" eb="1">
      <t>カネ</t>
    </rPh>
    <rPh sb="1" eb="2">
      <t>ロウ</t>
    </rPh>
    <phoneticPr fontId="4"/>
  </si>
  <si>
    <t>小田原城址公園　ほか</t>
    <rPh sb="0" eb="3">
      <t>オダワラ</t>
    </rPh>
    <rPh sb="3" eb="5">
      <t>ジョウシ</t>
    </rPh>
    <rPh sb="5" eb="7">
      <t>コウエン</t>
    </rPh>
    <phoneticPr fontId="4"/>
  </si>
  <si>
    <t>ラスカ小田原</t>
    <phoneticPr fontId="14"/>
  </si>
  <si>
    <t>イオンビッグ（株）</t>
    <phoneticPr fontId="14"/>
  </si>
  <si>
    <t>ドン・キホーテ小田原店</t>
    <rPh sb="7" eb="11">
      <t>オダワラテン</t>
    </rPh>
    <phoneticPr fontId="14"/>
  </si>
  <si>
    <t>ヨークフーズ酒匂店</t>
    <rPh sb="6" eb="8">
      <t>サカワ</t>
    </rPh>
    <rPh sb="8" eb="9">
      <t>テン</t>
    </rPh>
    <phoneticPr fontId="14"/>
  </si>
  <si>
    <t>(株)ビバホーム</t>
    <rPh sb="1" eb="2">
      <t>カブ</t>
    </rPh>
    <phoneticPr fontId="4"/>
  </si>
  <si>
    <t>ミナカ小田原</t>
    <rPh sb="3" eb="6">
      <t>オダワラ</t>
    </rPh>
    <phoneticPr fontId="4"/>
  </si>
  <si>
    <t>(株)ローソン</t>
    <rPh sb="1" eb="2">
      <t>カブ</t>
    </rPh>
    <phoneticPr fontId="4"/>
  </si>
  <si>
    <t>マックスバリュ南足柄岩原店</t>
    <phoneticPr fontId="4"/>
  </si>
  <si>
    <t>ミマスモール</t>
    <phoneticPr fontId="14"/>
  </si>
  <si>
    <t>小田原市郷土文化館分館  松永記念館</t>
    <phoneticPr fontId="4"/>
  </si>
  <si>
    <t>(中 井 町)</t>
    <phoneticPr fontId="4"/>
  </si>
  <si>
    <t>(箱 根 町)</t>
    <phoneticPr fontId="4"/>
  </si>
  <si>
    <t>環境省 箱根ビジターセンター</t>
    <phoneticPr fontId="4"/>
  </si>
  <si>
    <t>小田原市観光交流センター</t>
    <rPh sb="0" eb="4">
      <t>オダワラシ</t>
    </rPh>
    <rPh sb="4" eb="6">
      <t>カンコウ</t>
    </rPh>
    <rPh sb="6" eb="8">
      <t>コウリュウ</t>
    </rPh>
    <phoneticPr fontId="4"/>
  </si>
  <si>
    <t>道の駅「足柄・金太郎のふるさと」</t>
    <rPh sb="0" eb="1">
      <t>ミチ</t>
    </rPh>
    <rPh sb="2" eb="3">
      <t>エキ</t>
    </rPh>
    <rPh sb="4" eb="6">
      <t>アシガラ</t>
    </rPh>
    <rPh sb="7" eb="10">
      <t>キンタロウ</t>
    </rPh>
    <phoneticPr fontId="4"/>
  </si>
  <si>
    <t>24日</t>
    <phoneticPr fontId="4"/>
  </si>
  <si>
    <t xml:space="preserve"> 5日</t>
    <phoneticPr fontId="4"/>
  </si>
  <si>
    <t>　</t>
    <phoneticPr fontId="4"/>
  </si>
  <si>
    <t>箱根町</t>
    <phoneticPr fontId="7"/>
  </si>
  <si>
    <t>小田原漁港とその周辺</t>
    <rPh sb="0" eb="3">
      <t>オダワラ</t>
    </rPh>
    <rPh sb="3" eb="5">
      <t>ギョコウ</t>
    </rPh>
    <rPh sb="8" eb="10">
      <t>シュウヘン</t>
    </rPh>
    <phoneticPr fontId="15"/>
  </si>
  <si>
    <t>マナ真鶴～ハワイアンの夕べ～</t>
    <phoneticPr fontId="15"/>
  </si>
  <si>
    <t>真鶴町</t>
    <phoneticPr fontId="7"/>
  </si>
  <si>
    <t>真鶴港岸壁広場</t>
    <rPh sb="0" eb="2">
      <t>マナツル</t>
    </rPh>
    <rPh sb="2" eb="3">
      <t>コウ</t>
    </rPh>
    <rPh sb="3" eb="5">
      <t>ガンペキ</t>
    </rPh>
    <rPh sb="5" eb="7">
      <t>ヒロバ</t>
    </rPh>
    <phoneticPr fontId="4"/>
  </si>
  <si>
    <t>９</t>
    <phoneticPr fontId="4"/>
  </si>
  <si>
    <t>開成町阿波おどり</t>
    <rPh sb="2" eb="3">
      <t>マチ</t>
    </rPh>
    <phoneticPr fontId="4"/>
  </si>
  <si>
    <t>19日</t>
    <rPh sb="2" eb="3">
      <t>ニチ</t>
    </rPh>
    <phoneticPr fontId="4"/>
  </si>
  <si>
    <t>25日</t>
    <phoneticPr fontId="4"/>
  </si>
  <si>
    <t>10</t>
    <phoneticPr fontId="4"/>
  </si>
  <si>
    <t>山北のお峯入り</t>
    <rPh sb="4" eb="5">
      <t>ミネ</t>
    </rPh>
    <rPh sb="5" eb="6">
      <t>イ</t>
    </rPh>
    <phoneticPr fontId="7"/>
  </si>
  <si>
    <t>11</t>
    <phoneticPr fontId="4"/>
  </si>
  <si>
    <t>小田原城址公園</t>
    <phoneticPr fontId="4"/>
  </si>
  <si>
    <t>丹沢湖マラソン大会</t>
    <phoneticPr fontId="4"/>
  </si>
  <si>
    <t>未定</t>
    <phoneticPr fontId="4"/>
  </si>
  <si>
    <t>2</t>
    <phoneticPr fontId="7"/>
  </si>
  <si>
    <t>上旬～下旬</t>
    <rPh sb="0" eb="2">
      <t>ジョウジュン</t>
    </rPh>
    <rPh sb="3" eb="5">
      <t>ゲジュン</t>
    </rPh>
    <phoneticPr fontId="7"/>
  </si>
  <si>
    <t>上旬～3月中旬</t>
    <rPh sb="0" eb="2">
      <t>ジョウジュン</t>
    </rPh>
    <rPh sb="4" eb="5">
      <t>ガツ</t>
    </rPh>
    <rPh sb="5" eb="7">
      <t>チュウジュン</t>
    </rPh>
    <phoneticPr fontId="7"/>
  </si>
  <si>
    <t>3</t>
    <phoneticPr fontId="7"/>
  </si>
  <si>
    <t>工作フェスタ</t>
    <phoneticPr fontId="4"/>
  </si>
  <si>
    <t>土佐原地域　ほか</t>
    <phoneticPr fontId="4"/>
  </si>
  <si>
    <t>(株)ヨーク</t>
    <phoneticPr fontId="4"/>
  </si>
  <si>
    <t>ウエルシア薬局(株)、(株)小田原百貨店</t>
    <rPh sb="5" eb="7">
      <t>ヤッキョク</t>
    </rPh>
    <rPh sb="8" eb="9">
      <t>カブ</t>
    </rPh>
    <rPh sb="14" eb="17">
      <t>オダワラ</t>
    </rPh>
    <rPh sb="17" eb="20">
      <t>ヒャッカテン</t>
    </rPh>
    <phoneticPr fontId="14"/>
  </si>
  <si>
    <t>ダイナシティウエスト</t>
    <phoneticPr fontId="4"/>
  </si>
  <si>
    <t>(株)ヤオコー</t>
    <phoneticPr fontId="4"/>
  </si>
  <si>
    <t>鴨宮字宝町636の1ほか</t>
    <rPh sb="0" eb="2">
      <t>カモノミヤ</t>
    </rPh>
    <rPh sb="2" eb="3">
      <t>ジ</t>
    </rPh>
    <rPh sb="3" eb="4">
      <t>タカラ</t>
    </rPh>
    <rPh sb="4" eb="5">
      <t>マチ</t>
    </rPh>
    <phoneticPr fontId="4"/>
  </si>
  <si>
    <t>壗下怒田特定土地区画整理
事業施工地区内50街区ほか</t>
    <phoneticPr fontId="4"/>
  </si>
  <si>
    <t>トステムビバ(株)</t>
    <phoneticPr fontId="4"/>
  </si>
  <si>
    <t>(株)クリエイトエス・ディー</t>
    <phoneticPr fontId="4"/>
  </si>
  <si>
    <t>(株)ビック・ライズ</t>
    <phoneticPr fontId="4"/>
  </si>
  <si>
    <t>（３）管内観光施設</t>
    <phoneticPr fontId="4"/>
  </si>
  <si>
    <t>ア　博物館・美術館・資料館</t>
    <phoneticPr fontId="4"/>
  </si>
  <si>
    <t>所  在  地</t>
    <phoneticPr fontId="4"/>
  </si>
  <si>
    <t>(小田原市)</t>
    <phoneticPr fontId="4"/>
  </si>
  <si>
    <t>南町1-5-72</t>
    <phoneticPr fontId="4"/>
  </si>
  <si>
    <t>　「小田原駅前梅干博物館」(ちん里う本店)</t>
    <phoneticPr fontId="4"/>
  </si>
  <si>
    <t>栄町1-2-1</t>
    <phoneticPr fontId="4"/>
  </si>
  <si>
    <t>(南足柄市)</t>
    <phoneticPr fontId="4"/>
  </si>
  <si>
    <t>(大 井 町)</t>
    <phoneticPr fontId="4"/>
  </si>
  <si>
    <t>(山 北 町)</t>
    <phoneticPr fontId="4"/>
  </si>
  <si>
    <t>(開 成 町)</t>
    <phoneticPr fontId="4"/>
  </si>
  <si>
    <t>箱根武士(もののふ)の里美術館（休館中）</t>
    <rPh sb="16" eb="19">
      <t>キュウカンチュウ</t>
    </rPh>
    <phoneticPr fontId="4"/>
  </si>
  <si>
    <t>仙石原817-580</t>
    <phoneticPr fontId="4"/>
  </si>
  <si>
    <t>元箱根164</t>
    <phoneticPr fontId="4"/>
  </si>
  <si>
    <t>箱根16</t>
    <phoneticPr fontId="4"/>
  </si>
  <si>
    <t>(真鶴町)</t>
    <phoneticPr fontId="4"/>
  </si>
  <si>
    <t>真鶴1175-1</t>
    <phoneticPr fontId="4"/>
  </si>
  <si>
    <t>(湯河原町)</t>
    <phoneticPr fontId="4"/>
  </si>
  <si>
    <t>久野3821-1</t>
    <phoneticPr fontId="4"/>
  </si>
  <si>
    <t>久野4294-1</t>
    <phoneticPr fontId="4"/>
  </si>
  <si>
    <t>城山3-24</t>
    <phoneticPr fontId="4"/>
  </si>
  <si>
    <t>城山3-30</t>
    <phoneticPr fontId="4"/>
  </si>
  <si>
    <t>(松 田 町)</t>
    <phoneticPr fontId="4"/>
  </si>
  <si>
    <t>吉田島3338</t>
    <rPh sb="0" eb="2">
      <t>ヨシダ</t>
    </rPh>
    <rPh sb="2" eb="3">
      <t>ジマ</t>
    </rPh>
    <phoneticPr fontId="4"/>
  </si>
  <si>
    <t>湯本407</t>
    <phoneticPr fontId="4"/>
  </si>
  <si>
    <t>畑宿471</t>
    <phoneticPr fontId="4"/>
  </si>
  <si>
    <t>箱根小涌園 蓬莱園</t>
    <phoneticPr fontId="4"/>
  </si>
  <si>
    <t>仙石原842</t>
    <phoneticPr fontId="4"/>
  </si>
  <si>
    <t>(真 鶴 町)</t>
    <phoneticPr fontId="4"/>
  </si>
  <si>
    <t>荒井城趾公園</t>
    <phoneticPr fontId="4"/>
  </si>
  <si>
    <t>真鶴1175</t>
    <phoneticPr fontId="4"/>
  </si>
  <si>
    <t>万葉公園</t>
    <phoneticPr fontId="4"/>
  </si>
  <si>
    <t>宮上704</t>
    <phoneticPr fontId="4"/>
  </si>
  <si>
    <t>吉浜字星ヶ山2024　ほか</t>
    <phoneticPr fontId="4"/>
  </si>
  <si>
    <t>上旬</t>
    <phoneticPr fontId="4"/>
  </si>
  <si>
    <t>1、2日</t>
    <rPh sb="3" eb="4">
      <t>ヒ</t>
    </rPh>
    <phoneticPr fontId="4"/>
  </si>
  <si>
    <t xml:space="preserve"> 1日</t>
    <rPh sb="2" eb="3">
      <t>ヒ</t>
    </rPh>
    <phoneticPr fontId="4"/>
  </si>
  <si>
    <t xml:space="preserve"> 2日</t>
    <rPh sb="2" eb="3">
      <t>ニチ</t>
    </rPh>
    <phoneticPr fontId="4"/>
  </si>
  <si>
    <t>15日～5月7日</t>
    <rPh sb="2" eb="3">
      <t>ニチ</t>
    </rPh>
    <rPh sb="5" eb="6">
      <t>ガツ</t>
    </rPh>
    <rPh sb="7" eb="8">
      <t>ニチ</t>
    </rPh>
    <phoneticPr fontId="7"/>
  </si>
  <si>
    <t>16日</t>
    <phoneticPr fontId="4"/>
  </si>
  <si>
    <t>30日</t>
    <phoneticPr fontId="4"/>
  </si>
  <si>
    <t>第59回小田原北條五代祭り</t>
    <rPh sb="0" eb="1">
      <t>ダイ</t>
    </rPh>
    <rPh sb="3" eb="4">
      <t>カイ</t>
    </rPh>
    <rPh sb="4" eb="7">
      <t>オダワラ</t>
    </rPh>
    <rPh sb="7" eb="9">
      <t>ホウジョウ</t>
    </rPh>
    <rPh sb="9" eb="11">
      <t>ゴダイ</t>
    </rPh>
    <rPh sb="11" eb="12">
      <t>マツ</t>
    </rPh>
    <phoneticPr fontId="4"/>
  </si>
  <si>
    <t xml:space="preserve"> 5日（中止）</t>
    <rPh sb="2" eb="3">
      <t>ヒ</t>
    </rPh>
    <phoneticPr fontId="4"/>
  </si>
  <si>
    <t>14日</t>
    <rPh sb="2" eb="3">
      <t>ヒ</t>
    </rPh>
    <phoneticPr fontId="4"/>
  </si>
  <si>
    <t>小田原あじ・地魚まつり2023</t>
    <rPh sb="0" eb="3">
      <t>オダワラ</t>
    </rPh>
    <rPh sb="6" eb="7">
      <t>チ</t>
    </rPh>
    <rPh sb="7" eb="8">
      <t>サカナ</t>
    </rPh>
    <phoneticPr fontId="4"/>
  </si>
  <si>
    <t>20日</t>
    <rPh sb="2" eb="3">
      <t>ニチ</t>
    </rPh>
    <phoneticPr fontId="7"/>
  </si>
  <si>
    <t>第64回曽我の傘焼まつり</t>
    <rPh sb="0" eb="1">
      <t>ダイ</t>
    </rPh>
    <rPh sb="3" eb="4">
      <t>カイ</t>
    </rPh>
    <rPh sb="4" eb="6">
      <t>ソガ</t>
    </rPh>
    <rPh sb="7" eb="8">
      <t>カサ</t>
    </rPh>
    <rPh sb="8" eb="9">
      <t>ヤ</t>
    </rPh>
    <phoneticPr fontId="7"/>
  </si>
  <si>
    <t>梅の里センターとその周辺</t>
    <rPh sb="0" eb="1">
      <t>ウメ</t>
    </rPh>
    <rPh sb="2" eb="3">
      <t>サト</t>
    </rPh>
    <rPh sb="10" eb="12">
      <t>シュウヘン</t>
    </rPh>
    <phoneticPr fontId="7"/>
  </si>
  <si>
    <t>20日</t>
    <rPh sb="2" eb="3">
      <t>ヒ</t>
    </rPh>
    <phoneticPr fontId="15"/>
  </si>
  <si>
    <t>20日</t>
    <rPh sb="2" eb="3">
      <t>ニチ</t>
    </rPh>
    <phoneticPr fontId="4"/>
  </si>
  <si>
    <t>21日</t>
    <phoneticPr fontId="4"/>
  </si>
  <si>
    <t>箱根路森林浴ウォーク</t>
    <phoneticPr fontId="4"/>
  </si>
  <si>
    <t>芦ノ湖一周コース</t>
    <phoneticPr fontId="4"/>
  </si>
  <si>
    <t>26日～6月5日</t>
    <phoneticPr fontId="4"/>
  </si>
  <si>
    <t>27日</t>
    <rPh sb="2" eb="3">
      <t>ヒ</t>
    </rPh>
    <phoneticPr fontId="4"/>
  </si>
  <si>
    <t>せせらぎ自然体験ウォーキング</t>
    <rPh sb="4" eb="6">
      <t>シゼン</t>
    </rPh>
    <rPh sb="6" eb="8">
      <t>タイケン</t>
    </rPh>
    <phoneticPr fontId="4"/>
  </si>
  <si>
    <t>30日～6月14日</t>
    <rPh sb="2" eb="3">
      <t>ニチ</t>
    </rPh>
    <rPh sb="5" eb="6">
      <t>ガツ</t>
    </rPh>
    <rPh sb="8" eb="9">
      <t>ニチ</t>
    </rPh>
    <phoneticPr fontId="4"/>
  </si>
  <si>
    <t xml:space="preserve"> 4日</t>
    <rPh sb="2" eb="3">
      <t>ヒ</t>
    </rPh>
    <phoneticPr fontId="15"/>
  </si>
  <si>
    <t>農業体験施設四季の里及び周辺の圃場</t>
    <rPh sb="0" eb="2">
      <t>ノウギョウ</t>
    </rPh>
    <rPh sb="2" eb="4">
      <t>タイケン</t>
    </rPh>
    <rPh sb="4" eb="6">
      <t>シセツ</t>
    </rPh>
    <rPh sb="6" eb="8">
      <t>シキ</t>
    </rPh>
    <rPh sb="9" eb="10">
      <t>サト</t>
    </rPh>
    <rPh sb="10" eb="11">
      <t>オヨ</t>
    </rPh>
    <rPh sb="12" eb="14">
      <t>シュウヘン</t>
    </rPh>
    <rPh sb="15" eb="17">
      <t>ホジョウ</t>
    </rPh>
    <phoneticPr fontId="15"/>
  </si>
  <si>
    <t>10日～18日</t>
    <rPh sb="2" eb="3">
      <t>ヒ</t>
    </rPh>
    <rPh sb="6" eb="7">
      <t>ニチ</t>
    </rPh>
    <phoneticPr fontId="15"/>
  </si>
  <si>
    <t xml:space="preserve"> 9日</t>
    <rPh sb="2" eb="3">
      <t>ニチ</t>
    </rPh>
    <phoneticPr fontId="15"/>
  </si>
  <si>
    <t>15日、16日</t>
    <rPh sb="6" eb="7">
      <t>ニチ</t>
    </rPh>
    <phoneticPr fontId="4"/>
  </si>
  <si>
    <t>15日～8月20日</t>
    <rPh sb="2" eb="3">
      <t>ニチ</t>
    </rPh>
    <rPh sb="5" eb="6">
      <t>ガツ</t>
    </rPh>
    <rPh sb="8" eb="9">
      <t>ニチ</t>
    </rPh>
    <phoneticPr fontId="4"/>
  </si>
  <si>
    <t>15日～8月31日</t>
    <rPh sb="2" eb="3">
      <t>ニチ</t>
    </rPh>
    <rPh sb="5" eb="6">
      <t>ガツ</t>
    </rPh>
    <rPh sb="8" eb="9">
      <t>ニチ</t>
    </rPh>
    <phoneticPr fontId="4"/>
  </si>
  <si>
    <t>20日～8月27日</t>
    <rPh sb="5" eb="6">
      <t>ガツ</t>
    </rPh>
    <rPh sb="8" eb="9">
      <t>ニチ</t>
    </rPh>
    <phoneticPr fontId="4"/>
  </si>
  <si>
    <t>28日、29日</t>
    <rPh sb="2" eb="3">
      <t>ニチ</t>
    </rPh>
    <rPh sb="6" eb="7">
      <t>ニチ</t>
    </rPh>
    <phoneticPr fontId="15"/>
  </si>
  <si>
    <t>酒匂川花火大会</t>
    <rPh sb="0" eb="7">
      <t>サカワガワハナビタイカイ</t>
    </rPh>
    <phoneticPr fontId="15"/>
  </si>
  <si>
    <t>岩海岸夏まつり、豊漁豊作祭「真鶴夏色まつり」</t>
    <rPh sb="0" eb="1">
      <t>イワ</t>
    </rPh>
    <rPh sb="1" eb="3">
      <t>カイガン</t>
    </rPh>
    <rPh sb="3" eb="4">
      <t>ナツ</t>
    </rPh>
    <phoneticPr fontId="4"/>
  </si>
  <si>
    <t>辻下グラウンド</t>
    <phoneticPr fontId="4"/>
  </si>
  <si>
    <t>宮城野　虫送り火まつり</t>
    <rPh sb="0" eb="3">
      <t>ミヤギノ</t>
    </rPh>
    <rPh sb="4" eb="5">
      <t>ムシ</t>
    </rPh>
    <rPh sb="5" eb="6">
      <t>オク</t>
    </rPh>
    <rPh sb="7" eb="8">
      <t>ヒ</t>
    </rPh>
    <phoneticPr fontId="15"/>
  </si>
  <si>
    <t>26日</t>
    <rPh sb="2" eb="3">
      <t>ニチ</t>
    </rPh>
    <phoneticPr fontId="15"/>
  </si>
  <si>
    <t>26日</t>
    <phoneticPr fontId="15"/>
  </si>
  <si>
    <t xml:space="preserve"> 9日</t>
    <rPh sb="2" eb="3">
      <t>ニチ</t>
    </rPh>
    <phoneticPr fontId="4"/>
  </si>
  <si>
    <t>17日（予定）</t>
    <rPh sb="2" eb="3">
      <t>ヒ</t>
    </rPh>
    <rPh sb="4" eb="6">
      <t>ヨテイ</t>
    </rPh>
    <phoneticPr fontId="4"/>
  </si>
  <si>
    <t>南足柄市</t>
    <phoneticPr fontId="4"/>
  </si>
  <si>
    <t>酔芙蓉まつり</t>
    <rPh sb="0" eb="3">
      <t>スイフヨウ</t>
    </rPh>
    <phoneticPr fontId="4"/>
  </si>
  <si>
    <t>ふくざわ公園・酔芙蓉農道</t>
    <rPh sb="4" eb="6">
      <t>コウエン</t>
    </rPh>
    <rPh sb="7" eb="10">
      <t>スイフヨウ</t>
    </rPh>
    <rPh sb="10" eb="12">
      <t>ノウドウ</t>
    </rPh>
    <phoneticPr fontId="4"/>
  </si>
  <si>
    <t>24日</t>
    <rPh sb="2" eb="3">
      <t>ヒ</t>
    </rPh>
    <phoneticPr fontId="4"/>
  </si>
  <si>
    <t>グリーンエイド真鶴</t>
    <rPh sb="7" eb="9">
      <t>マナツル</t>
    </rPh>
    <phoneticPr fontId="4"/>
  </si>
  <si>
    <t>15日</t>
    <rPh sb="2" eb="3">
      <t>ニチ</t>
    </rPh>
    <phoneticPr fontId="7"/>
  </si>
  <si>
    <t>美・緑なかいフェスティバル2023</t>
    <phoneticPr fontId="4"/>
  </si>
  <si>
    <t>24日</t>
    <rPh sb="2" eb="3">
      <t>ヒ</t>
    </rPh>
    <phoneticPr fontId="7"/>
  </si>
  <si>
    <t>29日</t>
    <rPh sb="2" eb="3">
      <t>ニチ</t>
    </rPh>
    <phoneticPr fontId="4"/>
  </si>
  <si>
    <t>未定</t>
    <rPh sb="0" eb="2">
      <t>ミテイ</t>
    </rPh>
    <phoneticPr fontId="4"/>
  </si>
  <si>
    <t>11日</t>
    <rPh sb="2" eb="3">
      <t>ニチ</t>
    </rPh>
    <phoneticPr fontId="4"/>
  </si>
  <si>
    <t>真鶴よさこい大漁フェスティバル</t>
    <rPh sb="0" eb="2">
      <t>マナツル</t>
    </rPh>
    <rPh sb="6" eb="8">
      <t>タイリョウ</t>
    </rPh>
    <phoneticPr fontId="4"/>
  </si>
  <si>
    <t>真鶴港岸壁広場</t>
    <rPh sb="0" eb="2">
      <t>マナヅル</t>
    </rPh>
    <rPh sb="2" eb="3">
      <t>コウ</t>
    </rPh>
    <rPh sb="3" eb="5">
      <t>ガンペキ</t>
    </rPh>
    <rPh sb="5" eb="7">
      <t>ヒロバ</t>
    </rPh>
    <phoneticPr fontId="4"/>
  </si>
  <si>
    <t>18日、19日</t>
    <phoneticPr fontId="4"/>
  </si>
  <si>
    <t>26日</t>
    <phoneticPr fontId="7"/>
  </si>
  <si>
    <t>24日</t>
    <rPh sb="2" eb="3">
      <t>ニチ</t>
    </rPh>
    <phoneticPr fontId="7"/>
  </si>
  <si>
    <t>21日</t>
    <rPh sb="2" eb="3">
      <t>ヒ</t>
    </rPh>
    <phoneticPr fontId="7"/>
  </si>
  <si>
    <t>おおい中央公園</t>
    <rPh sb="3" eb="5">
      <t>チュウオウ</t>
    </rPh>
    <rPh sb="5" eb="7">
      <t>コウエン</t>
    </rPh>
    <phoneticPr fontId="4"/>
  </si>
  <si>
    <t>28日</t>
    <rPh sb="2" eb="3">
      <t>ニチ</t>
    </rPh>
    <phoneticPr fontId="7"/>
  </si>
  <si>
    <t>農業体験施設四季の里及びおおいゆめの里</t>
    <rPh sb="10" eb="11">
      <t>オヨ</t>
    </rPh>
    <rPh sb="18" eb="19">
      <t>サト</t>
    </rPh>
    <phoneticPr fontId="4"/>
  </si>
  <si>
    <t>中旬</t>
    <rPh sb="0" eb="2">
      <t>チュウジュン</t>
    </rPh>
    <phoneticPr fontId="7"/>
  </si>
  <si>
    <t>中旬</t>
    <phoneticPr fontId="4"/>
  </si>
  <si>
    <t>31日</t>
    <phoneticPr fontId="4"/>
  </si>
  <si>
    <t>令和５年１月現在</t>
    <rPh sb="0" eb="2">
      <t>レイワ</t>
    </rPh>
    <rPh sb="3" eb="4">
      <t>ネン</t>
    </rPh>
    <rPh sb="5" eb="6">
      <t>ガツ</t>
    </rPh>
    <rPh sb="6" eb="8">
      <t>ゲンザイ</t>
    </rPh>
    <phoneticPr fontId="4"/>
  </si>
  <si>
    <t>大井中央公園</t>
    <rPh sb="0" eb="2">
      <t>オオイ</t>
    </rPh>
    <rPh sb="2" eb="4">
      <t>チュウオウ</t>
    </rPh>
    <rPh sb="4" eb="6">
      <t>コウエン</t>
    </rPh>
    <phoneticPr fontId="4"/>
  </si>
  <si>
    <t>大井中央284</t>
    <rPh sb="0" eb="2">
      <t>オオイ</t>
    </rPh>
    <rPh sb="2" eb="4">
      <t>チュウオウ</t>
    </rPh>
    <phoneticPr fontId="4"/>
  </si>
  <si>
    <t>ニコライ・バーグマン 箱根ガーデンズ</t>
    <rPh sb="11" eb="13">
      <t>ハコネ</t>
    </rPh>
    <phoneticPr fontId="4"/>
  </si>
  <si>
    <t>強羅1323-119</t>
    <phoneticPr fontId="4"/>
  </si>
  <si>
    <t>真鶴魚座</t>
    <rPh sb="2" eb="3">
      <t>サカナ</t>
    </rPh>
    <rPh sb="3" eb="4">
      <t>ザ</t>
    </rPh>
    <phoneticPr fontId="4"/>
  </si>
  <si>
    <t>真鶴1947-2</t>
    <rPh sb="0" eb="2">
      <t>マナツル</t>
    </rPh>
    <phoneticPr fontId="4"/>
  </si>
  <si>
    <t>ケープ真鶴</t>
    <rPh sb="3" eb="5">
      <t>マナツル</t>
    </rPh>
    <phoneticPr fontId="4"/>
  </si>
  <si>
    <t>真鶴1175-1</t>
    <rPh sb="0" eb="2">
      <t>マナツル</t>
    </rPh>
    <phoneticPr fontId="4"/>
  </si>
  <si>
    <t>四季の里　夏の収穫体験フェス</t>
    <rPh sb="0" eb="2">
      <t>シキ</t>
    </rPh>
    <rPh sb="3" eb="4">
      <t>サト</t>
    </rPh>
    <rPh sb="5" eb="6">
      <t>ナツ</t>
    </rPh>
    <rPh sb="7" eb="9">
      <t>シュウカク</t>
    </rPh>
    <rPh sb="9" eb="11">
      <t>タイケン</t>
    </rPh>
    <phoneticPr fontId="15"/>
  </si>
  <si>
    <t>3日～８日</t>
    <rPh sb="1" eb="2">
      <t>ニチ</t>
    </rPh>
    <rPh sb="4" eb="5">
      <t>ニチ</t>
    </rPh>
    <phoneticPr fontId="15"/>
  </si>
  <si>
    <t>小田原城あじさい花菖蒲祭り</t>
    <rPh sb="0" eb="3">
      <t>オダワラ</t>
    </rPh>
    <rPh sb="3" eb="4">
      <t>ジョウ</t>
    </rPh>
    <rPh sb="8" eb="11">
      <t>ハナショウブ</t>
    </rPh>
    <rPh sb="11" eb="12">
      <t>マツ</t>
    </rPh>
    <phoneticPr fontId="15"/>
  </si>
  <si>
    <t>やどりきホタルの夕べWEEK</t>
    <phoneticPr fontId="4"/>
  </si>
  <si>
    <t>16日～25日</t>
    <rPh sb="2" eb="3">
      <t>ニチ</t>
    </rPh>
    <rPh sb="6" eb="7">
      <t>ニチ</t>
    </rPh>
    <phoneticPr fontId="4"/>
  </si>
  <si>
    <t>寄清流マス釣り場付近</t>
    <rPh sb="0" eb="1">
      <t>ヨ</t>
    </rPh>
    <rPh sb="1" eb="3">
      <t>セイリュウ</t>
    </rPh>
    <rPh sb="5" eb="6">
      <t>ツ</t>
    </rPh>
    <rPh sb="7" eb="8">
      <t>バ</t>
    </rPh>
    <rPh sb="8" eb="10">
      <t>フキン</t>
    </rPh>
    <phoneticPr fontId="4"/>
  </si>
  <si>
    <t>オープンウォータースイミング大会</t>
    <rPh sb="14" eb="16">
      <t>タイカイ</t>
    </rPh>
    <phoneticPr fontId="15"/>
  </si>
  <si>
    <t xml:space="preserve"> 5日</t>
    <rPh sb="2" eb="3">
      <t>ニチ</t>
    </rPh>
    <phoneticPr fontId="15"/>
  </si>
  <si>
    <t>酒匂川スポーツ広場</t>
    <rPh sb="0" eb="3">
      <t>サカワガワ</t>
    </rPh>
    <rPh sb="7" eb="9">
      <t>ヒロバ</t>
    </rPh>
    <phoneticPr fontId="7"/>
  </si>
  <si>
    <t>小田原城本丸東堀・花菖蒲園</t>
    <rPh sb="0" eb="3">
      <t>オダワラ</t>
    </rPh>
    <rPh sb="3" eb="4">
      <t>ジョウ</t>
    </rPh>
    <rPh sb="4" eb="6">
      <t>ホンマル</t>
    </rPh>
    <rPh sb="6" eb="8">
      <t>ヒガシボリ</t>
    </rPh>
    <rPh sb="9" eb="12">
      <t>ハナショウブ</t>
    </rPh>
    <rPh sb="12" eb="13">
      <t>エン</t>
    </rPh>
    <phoneticPr fontId="15"/>
  </si>
  <si>
    <t>田んぼの時間。（田植え）みんなで、わいわい田んぼ。</t>
    <rPh sb="0" eb="1">
      <t>タ</t>
    </rPh>
    <rPh sb="4" eb="6">
      <t>ジカン</t>
    </rPh>
    <rPh sb="8" eb="10">
      <t>タウ</t>
    </rPh>
    <rPh sb="21" eb="22">
      <t>タ</t>
    </rPh>
    <phoneticPr fontId="4"/>
  </si>
  <si>
    <t>23日</t>
    <phoneticPr fontId="4"/>
  </si>
  <si>
    <t>田んぼの時間。（稲刈り）みんなで、わいわい田んぼ。</t>
    <rPh sb="0" eb="1">
      <t>タ</t>
    </rPh>
    <rPh sb="4" eb="6">
      <t>ジカン</t>
    </rPh>
    <rPh sb="8" eb="10">
      <t>イネカ</t>
    </rPh>
    <rPh sb="21" eb="22">
      <t>タ</t>
    </rPh>
    <phoneticPr fontId="4"/>
  </si>
  <si>
    <t>令和５年４月現在</t>
    <rPh sb="0" eb="2">
      <t>レイワ</t>
    </rPh>
    <rPh sb="5" eb="6">
      <t>ガツ</t>
    </rPh>
    <phoneticPr fontId="4"/>
  </si>
  <si>
    <t>鍛冶屋951-1　ほか</t>
    <rPh sb="0" eb="3">
      <t>カジヤ</t>
    </rPh>
    <phoneticPr fontId="4"/>
  </si>
  <si>
    <t>狩川大泉河原橋より神崎橋の両岸と辻下グラウンド</t>
    <rPh sb="0" eb="1">
      <t>カ</t>
    </rPh>
    <rPh sb="1" eb="2">
      <t>ガワ</t>
    </rPh>
    <rPh sb="2" eb="4">
      <t>オオイズミ</t>
    </rPh>
    <rPh sb="4" eb="7">
      <t>カワラバシ</t>
    </rPh>
    <rPh sb="9" eb="11">
      <t>カンザキ</t>
    </rPh>
    <rPh sb="11" eb="12">
      <t>バシ</t>
    </rPh>
    <rPh sb="13" eb="14">
      <t>リョウ</t>
    </rPh>
    <rPh sb="14" eb="15">
      <t>キシ</t>
    </rPh>
    <rPh sb="16" eb="18">
      <t>ツジシタ</t>
    </rPh>
    <phoneticPr fontId="4"/>
  </si>
  <si>
    <t>令和５年６月16日現在</t>
    <rPh sb="3" eb="4">
      <t>ネン</t>
    </rPh>
    <rPh sb="5" eb="6">
      <t>ガツ</t>
    </rPh>
    <rPh sb="8" eb="9">
      <t>ニチ</t>
    </rPh>
    <rPh sb="9" eb="11">
      <t>ゲンザイ</t>
    </rPh>
    <phoneticPr fontId="4"/>
  </si>
  <si>
    <t>ソーラン山北よさこいフェスティバル2023</t>
    <phoneticPr fontId="4"/>
  </si>
  <si>
    <t>山北鉄道公園内</t>
    <rPh sb="6" eb="7">
      <t>ナイ</t>
    </rPh>
    <phoneticPr fontId="4"/>
  </si>
  <si>
    <t>五所神社～桜木公園</t>
    <rPh sb="0" eb="2">
      <t>ゴショ</t>
    </rPh>
    <rPh sb="2" eb="4">
      <t>ジンジャ</t>
    </rPh>
    <rPh sb="5" eb="7">
      <t>サクラギ</t>
    </rPh>
    <rPh sb="7" eb="9">
      <t>コウエン</t>
    </rPh>
    <phoneticPr fontId="15"/>
  </si>
  <si>
    <t xml:space="preserve"> 2日</t>
    <rPh sb="2" eb="3">
      <t>ヒ</t>
    </rPh>
    <phoneticPr fontId="4"/>
  </si>
  <si>
    <t>湯河原小学校～桜木公園、幕山公園通り</t>
    <rPh sb="12" eb="13">
      <t>マク</t>
    </rPh>
    <rPh sb="13" eb="14">
      <t>ヤマ</t>
    </rPh>
    <rPh sb="14" eb="16">
      <t>コウエン</t>
    </rPh>
    <rPh sb="16" eb="17">
      <t>トオ</t>
    </rPh>
    <phoneticPr fontId="4"/>
  </si>
  <si>
    <t xml:space="preserve"> 5日</t>
    <rPh sb="2" eb="3">
      <t>ニチ</t>
    </rPh>
    <phoneticPr fontId="4"/>
  </si>
  <si>
    <t>第37回大井よさこいひょうたん祭</t>
    <rPh sb="0" eb="1">
      <t>ダイ</t>
    </rPh>
    <rPh sb="3" eb="4">
      <t>カイ</t>
    </rPh>
    <rPh sb="4" eb="6">
      <t>オオイ</t>
    </rPh>
    <rPh sb="15" eb="16">
      <t>マツリ</t>
    </rPh>
    <phoneticPr fontId="4"/>
  </si>
  <si>
    <t xml:space="preserve"> 6日</t>
    <rPh sb="2" eb="3">
      <t>ニチ</t>
    </rPh>
    <phoneticPr fontId="15"/>
  </si>
  <si>
    <t xml:space="preserve"> 6日</t>
    <phoneticPr fontId="4"/>
  </si>
  <si>
    <t xml:space="preserve"> 8日</t>
    <rPh sb="2" eb="3">
      <t>ヒ</t>
    </rPh>
    <phoneticPr fontId="4"/>
  </si>
  <si>
    <t>内山　秋の花紀行　ザルギクまつり</t>
    <phoneticPr fontId="4"/>
  </si>
  <si>
    <t>山北鉄道公園内</t>
    <rPh sb="0" eb="2">
      <t>ヤマキタ</t>
    </rPh>
    <rPh sb="2" eb="4">
      <t>テツドウ</t>
    </rPh>
    <rPh sb="6" eb="7">
      <t>ナイ</t>
    </rPh>
    <phoneticPr fontId="4"/>
  </si>
  <si>
    <t>(株)小田原百貨店</t>
    <rPh sb="0" eb="3">
      <t>カブ</t>
    </rPh>
    <rPh sb="3" eb="6">
      <t>オダワラ</t>
    </rPh>
    <rPh sb="6" eb="9">
      <t>ヒャッカテン</t>
    </rPh>
    <phoneticPr fontId="4"/>
  </si>
  <si>
    <t>足柄森林公園　丸太の森(パカブ・キャンプ）</t>
    <rPh sb="0" eb="2">
      <t>アシガラ</t>
    </rPh>
    <rPh sb="2" eb="4">
      <t>シンリン</t>
    </rPh>
    <rPh sb="4" eb="6">
      <t>コウエン</t>
    </rPh>
    <rPh sb="7" eb="9">
      <t>マルタ</t>
    </rPh>
    <rPh sb="10" eb="11">
      <t>モリ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$-411]gee\.mm\.dd;@"/>
    <numFmt numFmtId="177" formatCode="yyyy&quot;年&quot;m&quot;月&quot;d&quot;日&quot;;@"/>
  </numFmts>
  <fonts count="33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  <font>
      <sz val="10.5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ゴシック"/>
      <family val="3"/>
      <charset val="128"/>
    </font>
    <font>
      <sz val="10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color theme="0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0"/>
      <color theme="1"/>
      <name val="ＭＳ ゴシック"/>
      <family val="3"/>
      <charset val="128"/>
    </font>
    <font>
      <sz val="10.5"/>
      <color theme="1"/>
      <name val="ＭＳ 明朝"/>
      <family val="1"/>
      <charset val="128"/>
    </font>
    <font>
      <sz val="13"/>
      <name val="ＭＳ ゴシック"/>
      <family val="3"/>
      <charset val="128"/>
    </font>
    <font>
      <sz val="10.5"/>
      <name val="ＭＳ ゴシック"/>
      <family val="3"/>
      <charset val="128"/>
    </font>
    <font>
      <i/>
      <sz val="10.5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20"/>
      <color theme="1"/>
      <name val="ＭＳ ゴシック"/>
      <family val="3"/>
      <charset val="128"/>
    </font>
    <font>
      <sz val="17"/>
      <color theme="1"/>
      <name val="ＭＳ ゴシック"/>
      <family val="3"/>
      <charset val="128"/>
    </font>
    <font>
      <sz val="10"/>
      <color theme="1"/>
      <name val="ＭＳ Ｐゴシック"/>
      <family val="3"/>
      <charset val="128"/>
    </font>
    <font>
      <sz val="16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6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9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6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</borders>
  <cellStyleXfs count="12">
    <xf numFmtId="0" fontId="0" fillId="0" borderId="0"/>
    <xf numFmtId="9" fontId="6" fillId="0" borderId="0" applyFont="0" applyFill="0" applyBorder="0" applyAlignment="0" applyProtection="0"/>
    <xf numFmtId="38" fontId="6" fillId="0" borderId="0" applyFont="0" applyFill="0" applyBorder="0" applyAlignment="0" applyProtection="0"/>
    <xf numFmtId="0" fontId="3" fillId="0" borderId="0"/>
    <xf numFmtId="0" fontId="6" fillId="0" borderId="0"/>
    <xf numFmtId="38" fontId="3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2" fillId="0" borderId="0">
      <alignment vertical="center"/>
    </xf>
    <xf numFmtId="9" fontId="3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5" fillId="0" borderId="0" applyNumberFormat="0" applyFill="0" applyBorder="0" applyAlignment="0" applyProtection="0">
      <alignment vertical="top"/>
      <protection locked="0"/>
    </xf>
  </cellStyleXfs>
  <cellXfs count="334">
    <xf numFmtId="0" fontId="0" fillId="0" borderId="0" xfId="0"/>
    <xf numFmtId="0" fontId="8" fillId="0" borderId="0" xfId="0" applyFont="1" applyFill="1" applyAlignment="1">
      <alignment vertical="center"/>
    </xf>
    <xf numFmtId="0" fontId="8" fillId="0" borderId="0" xfId="0" applyFont="1" applyFill="1" applyBorder="1" applyAlignment="1">
      <alignment vertical="center"/>
    </xf>
    <xf numFmtId="0" fontId="0" fillId="0" borderId="0" xfId="0" applyFill="1"/>
    <xf numFmtId="0" fontId="0" fillId="0" borderId="0" xfId="0" applyFont="1" applyFill="1"/>
    <xf numFmtId="0" fontId="15" fillId="0" borderId="0" xfId="0" applyFont="1" applyFill="1"/>
    <xf numFmtId="0" fontId="10" fillId="0" borderId="0" xfId="0" applyFont="1" applyFill="1"/>
    <xf numFmtId="0" fontId="15" fillId="0" borderId="0" xfId="0" applyFont="1" applyFill="1" applyBorder="1" applyAlignment="1"/>
    <xf numFmtId="0" fontId="0" fillId="0" borderId="0" xfId="0" applyFont="1" applyFill="1" applyBorder="1"/>
    <xf numFmtId="0" fontId="10" fillId="0" borderId="0" xfId="0" applyFont="1" applyFill="1" applyBorder="1"/>
    <xf numFmtId="0" fontId="10" fillId="0" borderId="0" xfId="0" applyFont="1" applyFill="1" applyBorder="1" applyAlignment="1">
      <alignment shrinkToFit="1"/>
    </xf>
    <xf numFmtId="0" fontId="0" fillId="0" borderId="0" xfId="0" applyFont="1" applyFill="1" applyBorder="1" applyAlignment="1">
      <alignment shrinkToFit="1"/>
    </xf>
    <xf numFmtId="0" fontId="12" fillId="0" borderId="0" xfId="0" applyFont="1" applyFill="1" applyBorder="1" applyAlignment="1">
      <alignment horizontal="center" vertical="center"/>
    </xf>
    <xf numFmtId="0" fontId="13" fillId="0" borderId="0" xfId="0" applyFont="1" applyFill="1" applyBorder="1" applyAlignment="1">
      <alignment horizontal="center" vertical="center"/>
    </xf>
    <xf numFmtId="0" fontId="13" fillId="0" borderId="0" xfId="0" applyFont="1" applyFill="1" applyAlignment="1">
      <alignment horizontal="center" vertical="center"/>
    </xf>
    <xf numFmtId="0" fontId="0" fillId="0" borderId="0" xfId="0" applyFont="1" applyFill="1" applyAlignment="1">
      <alignment horizontal="center" vertical="center"/>
    </xf>
    <xf numFmtId="0" fontId="8" fillId="0" borderId="0" xfId="0" applyFont="1" applyFill="1" applyAlignment="1">
      <alignment horizontal="center" vertical="center"/>
    </xf>
    <xf numFmtId="38" fontId="9" fillId="0" borderId="0" xfId="5" applyFont="1" applyFill="1" applyBorder="1" applyAlignment="1">
      <alignment vertical="center"/>
    </xf>
    <xf numFmtId="0" fontId="16" fillId="0" borderId="0" xfId="0" applyFont="1" applyFill="1" applyBorder="1" applyAlignment="1">
      <alignment horizontal="distributed" vertical="center" shrinkToFit="1"/>
    </xf>
    <xf numFmtId="0" fontId="16" fillId="0" borderId="2" xfId="0" applyFont="1" applyFill="1" applyBorder="1" applyAlignment="1">
      <alignment horizontal="left" vertical="center" shrinkToFit="1"/>
    </xf>
    <xf numFmtId="0" fontId="16" fillId="0" borderId="8" xfId="0" applyFont="1" applyFill="1" applyBorder="1" applyAlignment="1">
      <alignment horizontal="left" vertical="center" shrinkToFit="1"/>
    </xf>
    <xf numFmtId="0" fontId="16" fillId="0" borderId="0" xfId="0" applyFont="1" applyFill="1" applyBorder="1" applyAlignment="1">
      <alignment horizontal="left" vertical="center" shrinkToFit="1"/>
    </xf>
    <xf numFmtId="0" fontId="16" fillId="0" borderId="4" xfId="0" applyFont="1" applyFill="1" applyBorder="1" applyAlignment="1">
      <alignment horizontal="distributed" vertical="center" shrinkToFit="1"/>
    </xf>
    <xf numFmtId="0" fontId="16" fillId="0" borderId="27" xfId="0" applyFont="1" applyFill="1" applyBorder="1" applyAlignment="1">
      <alignment vertical="center" shrinkToFit="1"/>
    </xf>
    <xf numFmtId="0" fontId="16" fillId="0" borderId="13" xfId="0" applyFont="1" applyFill="1" applyBorder="1" applyAlignment="1">
      <alignment vertical="center" shrinkToFit="1"/>
    </xf>
    <xf numFmtId="0" fontId="16" fillId="0" borderId="21" xfId="0" applyFont="1" applyFill="1" applyBorder="1" applyAlignment="1">
      <alignment vertical="center" shrinkToFit="1"/>
    </xf>
    <xf numFmtId="0" fontId="16" fillId="0" borderId="23" xfId="0" applyFont="1" applyFill="1" applyBorder="1" applyAlignment="1">
      <alignment vertical="center" shrinkToFit="1"/>
    </xf>
    <xf numFmtId="0" fontId="16" fillId="0" borderId="23" xfId="0" applyFont="1" applyFill="1" applyBorder="1" applyAlignment="1">
      <alignment horizontal="distributed" vertical="center" shrinkToFit="1"/>
    </xf>
    <xf numFmtId="0" fontId="16" fillId="0" borderId="27" xfId="0" applyFont="1" applyFill="1" applyBorder="1" applyAlignment="1">
      <alignment horizontal="left" vertical="center" shrinkToFit="1"/>
    </xf>
    <xf numFmtId="0" fontId="16" fillId="0" borderId="13" xfId="0" applyFont="1" applyFill="1" applyBorder="1" applyAlignment="1">
      <alignment horizontal="left" vertical="center" shrinkToFit="1"/>
    </xf>
    <xf numFmtId="0" fontId="16" fillId="0" borderId="21" xfId="0" applyFont="1" applyFill="1" applyBorder="1" applyAlignment="1">
      <alignment horizontal="left" vertical="center" shrinkToFit="1"/>
    </xf>
    <xf numFmtId="0" fontId="16" fillId="0" borderId="23" xfId="0" applyFont="1" applyFill="1" applyBorder="1" applyAlignment="1">
      <alignment horizontal="left" vertical="center" shrinkToFit="1"/>
    </xf>
    <xf numFmtId="0" fontId="16" fillId="0" borderId="33" xfId="0" applyFont="1" applyFill="1" applyBorder="1" applyAlignment="1">
      <alignment vertical="center" shrinkToFit="1"/>
    </xf>
    <xf numFmtId="0" fontId="16" fillId="0" borderId="43" xfId="0" applyFont="1" applyFill="1" applyBorder="1" applyAlignment="1">
      <alignment vertical="center" shrinkToFit="1"/>
    </xf>
    <xf numFmtId="0" fontId="16" fillId="0" borderId="2" xfId="0" applyFont="1" applyFill="1" applyBorder="1" applyAlignment="1">
      <alignment vertical="center" shrinkToFit="1"/>
    </xf>
    <xf numFmtId="0" fontId="16" fillId="0" borderId="8" xfId="0" applyFont="1" applyFill="1" applyBorder="1" applyAlignment="1">
      <alignment vertical="center" shrinkToFit="1"/>
    </xf>
    <xf numFmtId="0" fontId="16" fillId="0" borderId="0" xfId="0" applyFont="1" applyFill="1" applyBorder="1" applyAlignment="1">
      <alignment vertical="center" shrinkToFit="1"/>
    </xf>
    <xf numFmtId="0" fontId="16" fillId="0" borderId="57" xfId="0" applyFont="1" applyFill="1" applyBorder="1" applyAlignment="1">
      <alignment horizontal="left" vertical="center" shrinkToFit="1"/>
    </xf>
    <xf numFmtId="0" fontId="16" fillId="0" borderId="61" xfId="0" applyFont="1" applyFill="1" applyBorder="1" applyAlignment="1">
      <alignment horizontal="left" vertical="center" shrinkToFit="1"/>
    </xf>
    <xf numFmtId="0" fontId="16" fillId="0" borderId="40" xfId="0" applyFont="1" applyFill="1" applyBorder="1" applyAlignment="1">
      <alignment horizontal="left" vertical="center" shrinkToFit="1"/>
    </xf>
    <xf numFmtId="0" fontId="16" fillId="0" borderId="41" xfId="0" applyFont="1" applyFill="1" applyBorder="1" applyAlignment="1">
      <alignment horizontal="left" vertical="center" shrinkToFit="1"/>
    </xf>
    <xf numFmtId="0" fontId="16" fillId="0" borderId="43" xfId="0" applyFont="1" applyFill="1" applyBorder="1" applyAlignment="1">
      <alignment horizontal="left" vertical="center" shrinkToFit="1"/>
    </xf>
    <xf numFmtId="0" fontId="16" fillId="0" borderId="52" xfId="0" applyFont="1" applyFill="1" applyBorder="1" applyAlignment="1">
      <alignment vertical="center" shrinkToFit="1"/>
    </xf>
    <xf numFmtId="0" fontId="16" fillId="0" borderId="53" xfId="0" applyFont="1" applyFill="1" applyBorder="1" applyAlignment="1">
      <alignment horizontal="left" vertical="center" shrinkToFit="1"/>
    </xf>
    <xf numFmtId="0" fontId="16" fillId="0" borderId="23" xfId="11" applyFont="1" applyFill="1" applyBorder="1" applyAlignment="1" applyProtection="1">
      <alignment horizontal="distributed" vertical="center" shrinkToFit="1"/>
    </xf>
    <xf numFmtId="56" fontId="16" fillId="0" borderId="27" xfId="0" applyNumberFormat="1" applyFont="1" applyFill="1" applyBorder="1" applyAlignment="1">
      <alignment horizontal="left" vertical="center" shrinkToFit="1"/>
    </xf>
    <xf numFmtId="0" fontId="16" fillId="0" borderId="51" xfId="0" applyFont="1" applyFill="1" applyBorder="1" applyAlignment="1">
      <alignment horizontal="left" vertical="center" shrinkToFit="1"/>
    </xf>
    <xf numFmtId="0" fontId="16" fillId="0" borderId="50" xfId="0" applyFont="1" applyFill="1" applyBorder="1" applyAlignment="1">
      <alignment horizontal="left" vertical="center" shrinkToFit="1"/>
    </xf>
    <xf numFmtId="0" fontId="16" fillId="0" borderId="51" xfId="0" applyFont="1" applyFill="1" applyBorder="1" applyAlignment="1">
      <alignment vertical="center" shrinkToFit="1"/>
    </xf>
    <xf numFmtId="0" fontId="16" fillId="0" borderId="32" xfId="0" applyFont="1" applyFill="1" applyBorder="1" applyAlignment="1">
      <alignment horizontal="left" vertical="center" shrinkToFit="1"/>
    </xf>
    <xf numFmtId="0" fontId="16" fillId="0" borderId="39" xfId="0" applyFont="1" applyFill="1" applyBorder="1" applyAlignment="1">
      <alignment horizontal="left" vertical="center" shrinkToFit="1"/>
    </xf>
    <xf numFmtId="0" fontId="16" fillId="0" borderId="29" xfId="11" applyFont="1" applyFill="1" applyBorder="1" applyAlignment="1" applyProtection="1">
      <alignment horizontal="distributed" vertical="center" shrinkToFit="1"/>
    </xf>
    <xf numFmtId="0" fontId="16" fillId="0" borderId="40" xfId="0" applyFont="1" applyFill="1" applyBorder="1" applyAlignment="1">
      <alignment vertical="center" shrinkToFit="1"/>
    </xf>
    <xf numFmtId="0" fontId="16" fillId="0" borderId="27" xfId="0" applyNumberFormat="1" applyFont="1" applyFill="1" applyBorder="1" applyAlignment="1">
      <alignment horizontal="left" vertical="center" shrinkToFit="1"/>
    </xf>
    <xf numFmtId="0" fontId="16" fillId="0" borderId="52" xfId="0" applyFont="1" applyFill="1" applyBorder="1" applyAlignment="1">
      <alignment horizontal="left" vertical="center" shrinkToFit="1"/>
    </xf>
    <xf numFmtId="0" fontId="16" fillId="0" borderId="34" xfId="0" applyFont="1" applyFill="1" applyBorder="1" applyAlignment="1">
      <alignment horizontal="left" vertical="center" shrinkToFit="1"/>
    </xf>
    <xf numFmtId="0" fontId="16" fillId="0" borderId="36" xfId="0" applyFont="1" applyFill="1" applyBorder="1" applyAlignment="1">
      <alignment horizontal="left" vertical="center" shrinkToFit="1"/>
    </xf>
    <xf numFmtId="0" fontId="16" fillId="0" borderId="35" xfId="0" applyFont="1" applyFill="1" applyBorder="1" applyAlignment="1">
      <alignment horizontal="left" vertical="center" shrinkToFit="1"/>
    </xf>
    <xf numFmtId="0" fontId="16" fillId="0" borderId="35" xfId="11" applyFont="1" applyFill="1" applyBorder="1" applyAlignment="1" applyProtection="1">
      <alignment horizontal="distributed" vertical="center" shrinkToFit="1"/>
    </xf>
    <xf numFmtId="0" fontId="16" fillId="0" borderId="29" xfId="0" applyFont="1" applyFill="1" applyBorder="1" applyAlignment="1">
      <alignment horizontal="left" vertical="center" shrinkToFit="1"/>
    </xf>
    <xf numFmtId="0" fontId="16" fillId="0" borderId="29" xfId="0" applyFont="1" applyFill="1" applyBorder="1" applyAlignment="1">
      <alignment horizontal="distributed" vertical="center" shrinkToFit="1"/>
    </xf>
    <xf numFmtId="0" fontId="16" fillId="0" borderId="7" xfId="0" applyFont="1" applyFill="1" applyBorder="1" applyAlignment="1">
      <alignment horizontal="distributed" vertical="center" shrinkToFit="1"/>
    </xf>
    <xf numFmtId="0" fontId="16" fillId="0" borderId="14" xfId="0" applyFont="1" applyFill="1" applyBorder="1" applyAlignment="1">
      <alignment vertical="center" shrinkToFit="1"/>
    </xf>
    <xf numFmtId="0" fontId="16" fillId="0" borderId="35" xfId="0" applyFont="1" applyFill="1" applyBorder="1" applyAlignment="1">
      <alignment horizontal="distributed" vertical="center" shrinkToFit="1"/>
    </xf>
    <xf numFmtId="0" fontId="16" fillId="0" borderId="36" xfId="0" applyFont="1" applyFill="1" applyBorder="1" applyAlignment="1">
      <alignment vertical="center" shrinkToFit="1"/>
    </xf>
    <xf numFmtId="177" fontId="16" fillId="0" borderId="63" xfId="0" applyNumberFormat="1" applyFont="1" applyFill="1" applyBorder="1" applyAlignment="1">
      <alignment horizontal="left" vertical="center" shrinkToFit="1"/>
    </xf>
    <xf numFmtId="14" fontId="16" fillId="0" borderId="3" xfId="0" applyNumberFormat="1" applyFont="1" applyFill="1" applyBorder="1" applyAlignment="1">
      <alignment vertical="center" shrinkToFit="1"/>
    </xf>
    <xf numFmtId="14" fontId="16" fillId="0" borderId="10" xfId="0" applyNumberFormat="1" applyFont="1" applyFill="1" applyBorder="1" applyAlignment="1">
      <alignment vertical="center" shrinkToFit="1"/>
    </xf>
    <xf numFmtId="14" fontId="16" fillId="0" borderId="4" xfId="0" applyNumberFormat="1" applyFont="1" applyFill="1" applyBorder="1" applyAlignment="1">
      <alignment vertical="center" shrinkToFit="1"/>
    </xf>
    <xf numFmtId="0" fontId="16" fillId="0" borderId="10" xfId="0" applyFont="1" applyFill="1" applyBorder="1" applyAlignment="1">
      <alignment vertical="center" shrinkToFit="1"/>
    </xf>
    <xf numFmtId="177" fontId="16" fillId="0" borderId="27" xfId="0" applyNumberFormat="1" applyFont="1" applyFill="1" applyBorder="1" applyAlignment="1">
      <alignment horizontal="left" vertical="center" shrinkToFit="1"/>
    </xf>
    <xf numFmtId="14" fontId="16" fillId="0" borderId="13" xfId="0" applyNumberFormat="1" applyFont="1" applyFill="1" applyBorder="1" applyAlignment="1" applyProtection="1">
      <alignment horizontal="left" vertical="center" shrinkToFit="1"/>
      <protection locked="0"/>
    </xf>
    <xf numFmtId="14" fontId="16" fillId="0" borderId="21" xfId="0" applyNumberFormat="1" applyFont="1" applyFill="1" applyBorder="1" applyAlignment="1" applyProtection="1">
      <alignment horizontal="left" vertical="center" shrinkToFit="1"/>
      <protection locked="0"/>
    </xf>
    <xf numFmtId="14" fontId="16" fillId="0" borderId="23" xfId="0" applyNumberFormat="1" applyFont="1" applyFill="1" applyBorder="1" applyAlignment="1" applyProtection="1">
      <alignment horizontal="left" vertical="center" shrinkToFit="1"/>
      <protection locked="0"/>
    </xf>
    <xf numFmtId="0" fontId="16" fillId="0" borderId="23" xfId="11" applyFont="1" applyFill="1" applyBorder="1" applyAlignment="1" applyProtection="1">
      <alignment horizontal="distributed" vertical="center" shrinkToFit="1"/>
      <protection locked="0"/>
    </xf>
    <xf numFmtId="14" fontId="16" fillId="0" borderId="13" xfId="0" applyNumberFormat="1" applyFont="1" applyFill="1" applyBorder="1" applyAlignment="1">
      <alignment vertical="center" shrinkToFit="1"/>
    </xf>
    <xf numFmtId="14" fontId="16" fillId="0" borderId="21" xfId="0" applyNumberFormat="1" applyFont="1" applyFill="1" applyBorder="1" applyAlignment="1">
      <alignment vertical="center" shrinkToFit="1"/>
    </xf>
    <xf numFmtId="14" fontId="16" fillId="0" borderId="23" xfId="0" applyNumberFormat="1" applyFont="1" applyFill="1" applyBorder="1" applyAlignment="1">
      <alignment vertical="center" shrinkToFit="1"/>
    </xf>
    <xf numFmtId="14" fontId="16" fillId="0" borderId="11" xfId="0" applyNumberFormat="1" applyFont="1" applyFill="1" applyBorder="1" applyAlignment="1" applyProtection="1">
      <alignment horizontal="left" vertical="center" shrinkToFit="1"/>
      <protection locked="0"/>
    </xf>
    <xf numFmtId="14" fontId="16" fillId="0" borderId="14" xfId="0" applyNumberFormat="1" applyFont="1" applyFill="1" applyBorder="1" applyAlignment="1" applyProtection="1">
      <alignment horizontal="left" vertical="center" shrinkToFit="1"/>
      <protection locked="0"/>
    </xf>
    <xf numFmtId="14" fontId="16" fillId="0" borderId="7" xfId="0" applyNumberFormat="1" applyFont="1" applyFill="1" applyBorder="1" applyAlignment="1" applyProtection="1">
      <alignment horizontal="left" vertical="center" shrinkToFit="1"/>
      <protection locked="0"/>
    </xf>
    <xf numFmtId="177" fontId="16" fillId="0" borderId="53" xfId="0" applyNumberFormat="1" applyFont="1" applyFill="1" applyBorder="1" applyAlignment="1">
      <alignment horizontal="left" vertical="center" shrinkToFit="1"/>
    </xf>
    <xf numFmtId="14" fontId="16" fillId="0" borderId="2" xfId="0" applyNumberFormat="1" applyFont="1" applyFill="1" applyBorder="1" applyAlignment="1">
      <alignment vertical="center" shrinkToFit="1"/>
    </xf>
    <xf numFmtId="14" fontId="16" fillId="0" borderId="8" xfId="0" applyNumberFormat="1" applyFont="1" applyFill="1" applyBorder="1" applyAlignment="1">
      <alignment vertical="center" shrinkToFit="1"/>
    </xf>
    <xf numFmtId="14" fontId="16" fillId="0" borderId="0" xfId="0" applyNumberFormat="1" applyFont="1" applyFill="1" applyBorder="1" applyAlignment="1">
      <alignment vertical="center" shrinkToFit="1"/>
    </xf>
    <xf numFmtId="0" fontId="16" fillId="0" borderId="13" xfId="0" applyFont="1" applyFill="1" applyBorder="1" applyAlignment="1" applyProtection="1">
      <alignment horizontal="left" vertical="center" shrinkToFit="1"/>
      <protection locked="0"/>
    </xf>
    <xf numFmtId="0" fontId="16" fillId="0" borderId="21" xfId="0" applyFont="1" applyFill="1" applyBorder="1" applyAlignment="1" applyProtection="1">
      <alignment horizontal="left" vertical="center" shrinkToFit="1"/>
      <protection locked="0"/>
    </xf>
    <xf numFmtId="0" fontId="16" fillId="0" borderId="23" xfId="0" applyFont="1" applyFill="1" applyBorder="1" applyAlignment="1" applyProtection="1">
      <alignment horizontal="left" vertical="center" shrinkToFit="1"/>
      <protection locked="0"/>
    </xf>
    <xf numFmtId="14" fontId="16" fillId="0" borderId="2" xfId="0" applyNumberFormat="1" applyFont="1" applyFill="1" applyBorder="1" applyAlignment="1" applyProtection="1">
      <alignment horizontal="left" vertical="center" shrinkToFit="1"/>
      <protection locked="0"/>
    </xf>
    <xf numFmtId="14" fontId="16" fillId="0" borderId="8" xfId="0" applyNumberFormat="1" applyFont="1" applyFill="1" applyBorder="1" applyAlignment="1" applyProtection="1">
      <alignment horizontal="left" vertical="center" shrinkToFit="1"/>
      <protection locked="0"/>
    </xf>
    <xf numFmtId="14" fontId="16" fillId="0" borderId="0" xfId="0" applyNumberFormat="1" applyFont="1" applyFill="1" applyBorder="1" applyAlignment="1" applyProtection="1">
      <alignment horizontal="left" vertical="center" shrinkToFit="1"/>
      <protection locked="0"/>
    </xf>
    <xf numFmtId="0" fontId="16" fillId="0" borderId="0" xfId="11" applyFont="1" applyFill="1" applyBorder="1" applyAlignment="1" applyProtection="1">
      <alignment horizontal="distributed" vertical="center" shrinkToFit="1"/>
      <protection locked="0"/>
    </xf>
    <xf numFmtId="177" fontId="16" fillId="0" borderId="52" xfId="0" applyNumberFormat="1" applyFont="1" applyFill="1" applyBorder="1" applyAlignment="1">
      <alignment horizontal="left" vertical="center" shrinkToFit="1"/>
    </xf>
    <xf numFmtId="0" fontId="16" fillId="0" borderId="34" xfId="0" applyFont="1" applyFill="1" applyBorder="1" applyAlignment="1" applyProtection="1">
      <alignment horizontal="left" vertical="center" shrinkToFit="1"/>
      <protection locked="0"/>
    </xf>
    <xf numFmtId="0" fontId="16" fillId="0" borderId="36" xfId="0" applyFont="1" applyFill="1" applyBorder="1" applyAlignment="1" applyProtection="1">
      <alignment horizontal="left" vertical="center" shrinkToFit="1"/>
      <protection locked="0"/>
    </xf>
    <xf numFmtId="0" fontId="16" fillId="0" borderId="35" xfId="0" applyFont="1" applyFill="1" applyBorder="1" applyAlignment="1" applyProtection="1">
      <alignment horizontal="left" vertical="center" shrinkToFit="1"/>
      <protection locked="0"/>
    </xf>
    <xf numFmtId="0" fontId="16" fillId="0" borderId="35" xfId="11" applyFont="1" applyFill="1" applyBorder="1" applyAlignment="1" applyProtection="1">
      <alignment horizontal="distributed" vertical="center" shrinkToFit="1"/>
      <protection locked="0"/>
    </xf>
    <xf numFmtId="14" fontId="16" fillId="0" borderId="39" xfId="0" applyNumberFormat="1" applyFont="1" applyFill="1" applyBorder="1" applyAlignment="1">
      <alignment vertical="center" shrinkToFit="1"/>
    </xf>
    <xf numFmtId="14" fontId="16" fillId="0" borderId="40" xfId="0" applyNumberFormat="1" applyFont="1" applyFill="1" applyBorder="1" applyAlignment="1">
      <alignment vertical="center" shrinkToFit="1"/>
    </xf>
    <xf numFmtId="14" fontId="16" fillId="0" borderId="29" xfId="0" applyNumberFormat="1" applyFont="1" applyFill="1" applyBorder="1" applyAlignment="1">
      <alignment vertical="center" shrinkToFit="1"/>
    </xf>
    <xf numFmtId="14" fontId="16" fillId="0" borderId="27" xfId="0" applyNumberFormat="1" applyFont="1" applyFill="1" applyBorder="1" applyAlignment="1">
      <alignment horizontal="left" vertical="center" shrinkToFit="1"/>
    </xf>
    <xf numFmtId="0" fontId="19" fillId="0" borderId="35" xfId="0" applyFont="1" applyFill="1" applyBorder="1" applyAlignment="1">
      <alignment horizontal="left" vertical="center" shrinkToFit="1"/>
    </xf>
    <xf numFmtId="3" fontId="19" fillId="0" borderId="28" xfId="0" applyNumberFormat="1" applyFont="1" applyFill="1" applyBorder="1" applyAlignment="1">
      <alignment horizontal="left" vertical="center" shrinkToFit="1"/>
    </xf>
    <xf numFmtId="176" fontId="19" fillId="0" borderId="36" xfId="0" applyNumberFormat="1" applyFont="1" applyFill="1" applyBorder="1" applyAlignment="1">
      <alignment horizontal="center" vertical="center" shrinkToFit="1"/>
    </xf>
    <xf numFmtId="0" fontId="19" fillId="0" borderId="23" xfId="0" applyFont="1" applyFill="1" applyBorder="1" applyAlignment="1">
      <alignment horizontal="left" vertical="center" shrinkToFit="1"/>
    </xf>
    <xf numFmtId="3" fontId="19" fillId="0" borderId="15" xfId="0" applyNumberFormat="1" applyFont="1" applyFill="1" applyBorder="1" applyAlignment="1">
      <alignment horizontal="left" vertical="center" shrinkToFit="1"/>
    </xf>
    <xf numFmtId="176" fontId="19" fillId="0" borderId="21" xfId="0" applyNumberFormat="1" applyFont="1" applyFill="1" applyBorder="1" applyAlignment="1">
      <alignment horizontal="center" vertical="center" shrinkToFit="1"/>
    </xf>
    <xf numFmtId="0" fontId="19" fillId="0" borderId="15" xfId="0" applyFont="1" applyFill="1" applyBorder="1" applyAlignment="1">
      <alignment horizontal="left" vertical="center" shrinkToFit="1"/>
    </xf>
    <xf numFmtId="0" fontId="19" fillId="0" borderId="50" xfId="0" applyFont="1" applyFill="1" applyBorder="1" applyAlignment="1">
      <alignment vertical="center" shrinkToFit="1"/>
    </xf>
    <xf numFmtId="0" fontId="19" fillId="0" borderId="56" xfId="0" applyFont="1" applyFill="1" applyBorder="1" applyAlignment="1">
      <alignment vertical="center" shrinkToFit="1"/>
    </xf>
    <xf numFmtId="176" fontId="19" fillId="0" borderId="51" xfId="0" applyNumberFormat="1" applyFont="1" applyFill="1" applyBorder="1" applyAlignment="1">
      <alignment horizontal="center" vertical="center" shrinkToFit="1"/>
    </xf>
    <xf numFmtId="0" fontId="19" fillId="0" borderId="50" xfId="0" applyFont="1" applyFill="1" applyBorder="1" applyAlignment="1">
      <alignment horizontal="left" vertical="center" shrinkToFit="1"/>
    </xf>
    <xf numFmtId="0" fontId="19" fillId="0" borderId="56" xfId="0" applyFont="1" applyFill="1" applyBorder="1" applyAlignment="1">
      <alignment horizontal="left" vertical="center" shrinkToFit="1"/>
    </xf>
    <xf numFmtId="0" fontId="19" fillId="0" borderId="13" xfId="0" applyFont="1" applyFill="1" applyBorder="1" applyAlignment="1">
      <alignment horizontal="left" vertical="center" shrinkToFit="1"/>
    </xf>
    <xf numFmtId="0" fontId="16" fillId="0" borderId="0" xfId="0" applyFont="1" applyFill="1" applyAlignment="1">
      <alignment horizontal="right" vertical="center"/>
    </xf>
    <xf numFmtId="0" fontId="16" fillId="0" borderId="60" xfId="0" applyFont="1" applyFill="1" applyBorder="1" applyAlignment="1">
      <alignment vertical="center" shrinkToFit="1"/>
    </xf>
    <xf numFmtId="0" fontId="16" fillId="0" borderId="30" xfId="0" applyFont="1" applyFill="1" applyBorder="1" applyAlignment="1">
      <alignment vertical="center" shrinkToFit="1"/>
    </xf>
    <xf numFmtId="0" fontId="16" fillId="0" borderId="15" xfId="0" applyFont="1" applyFill="1" applyBorder="1" applyAlignment="1">
      <alignment vertical="center" shrinkToFit="1"/>
    </xf>
    <xf numFmtId="0" fontId="16" fillId="0" borderId="13" xfId="0" applyFont="1" applyFill="1" applyBorder="1" applyAlignment="1">
      <alignment horizontal="center" vertical="center" shrinkToFit="1"/>
    </xf>
    <xf numFmtId="0" fontId="16" fillId="0" borderId="13" xfId="0" applyFont="1" applyFill="1" applyBorder="1" applyAlignment="1">
      <alignment horizontal="center" vertical="center"/>
    </xf>
    <xf numFmtId="0" fontId="16" fillId="0" borderId="37" xfId="0" applyFont="1" applyFill="1" applyBorder="1" applyAlignment="1">
      <alignment horizontal="center" vertical="center"/>
    </xf>
    <xf numFmtId="0" fontId="18" fillId="0" borderId="11" xfId="0" applyFont="1" applyFill="1" applyBorder="1" applyAlignment="1">
      <alignment horizontal="center" vertical="center"/>
    </xf>
    <xf numFmtId="0" fontId="18" fillId="0" borderId="22" xfId="0" applyFont="1" applyFill="1" applyBorder="1" applyAlignment="1">
      <alignment vertical="center"/>
    </xf>
    <xf numFmtId="0" fontId="18" fillId="0" borderId="33" xfId="0" applyFont="1" applyFill="1" applyBorder="1" applyAlignment="1">
      <alignment vertical="center"/>
    </xf>
    <xf numFmtId="0" fontId="18" fillId="0" borderId="39" xfId="0" applyFont="1" applyFill="1" applyBorder="1" applyAlignment="1">
      <alignment horizontal="left" vertical="center"/>
    </xf>
    <xf numFmtId="0" fontId="16" fillId="0" borderId="40" xfId="0" applyFont="1" applyFill="1" applyBorder="1" applyAlignment="1">
      <alignment horizontal="center" vertical="center" shrinkToFit="1"/>
    </xf>
    <xf numFmtId="0" fontId="18" fillId="0" borderId="44" xfId="0" applyFont="1" applyFill="1" applyBorder="1" applyAlignment="1">
      <alignment horizontal="left" vertical="center"/>
    </xf>
    <xf numFmtId="0" fontId="16" fillId="0" borderId="28" xfId="0" applyFont="1" applyFill="1" applyBorder="1" applyAlignment="1">
      <alignment vertical="center" shrinkToFit="1"/>
    </xf>
    <xf numFmtId="0" fontId="16" fillId="0" borderId="36" xfId="0" applyFont="1" applyFill="1" applyBorder="1" applyAlignment="1">
      <alignment horizontal="center" vertical="center" shrinkToFit="1"/>
    </xf>
    <xf numFmtId="0" fontId="18" fillId="0" borderId="2" xfId="0" applyFont="1" applyFill="1" applyBorder="1" applyAlignment="1">
      <alignment horizontal="center" vertical="center"/>
    </xf>
    <xf numFmtId="0" fontId="18" fillId="0" borderId="56" xfId="0" applyFont="1" applyFill="1" applyBorder="1" applyAlignment="1">
      <alignment vertical="center"/>
    </xf>
    <xf numFmtId="0" fontId="18" fillId="0" borderId="57" xfId="0" applyFont="1" applyFill="1" applyBorder="1" applyAlignment="1">
      <alignment vertical="center"/>
    </xf>
    <xf numFmtId="0" fontId="18" fillId="0" borderId="34" xfId="0" applyFont="1" applyFill="1" applyBorder="1" applyAlignment="1">
      <alignment horizontal="left" vertical="center"/>
    </xf>
    <xf numFmtId="0" fontId="16" fillId="0" borderId="61" xfId="0" applyFont="1" applyFill="1" applyBorder="1" applyAlignment="1">
      <alignment horizontal="center" vertical="center" shrinkToFit="1"/>
    </xf>
    <xf numFmtId="0" fontId="18" fillId="0" borderId="25" xfId="0" applyFont="1" applyFill="1" applyBorder="1" applyAlignment="1">
      <alignment vertical="center"/>
    </xf>
    <xf numFmtId="0" fontId="18" fillId="0" borderId="8" xfId="0" applyFont="1" applyFill="1" applyBorder="1" applyAlignment="1">
      <alignment vertical="center"/>
    </xf>
    <xf numFmtId="0" fontId="16" fillId="0" borderId="25" xfId="0" applyFont="1" applyFill="1" applyBorder="1" applyAlignment="1">
      <alignment vertical="center"/>
    </xf>
    <xf numFmtId="0" fontId="16" fillId="0" borderId="8" xfId="0" applyFont="1" applyFill="1" applyBorder="1" applyAlignment="1">
      <alignment vertical="center"/>
    </xf>
    <xf numFmtId="0" fontId="16" fillId="0" borderId="25" xfId="0" applyFont="1" applyFill="1" applyBorder="1" applyAlignment="1">
      <alignment vertical="center" shrinkToFit="1"/>
    </xf>
    <xf numFmtId="0" fontId="16" fillId="0" borderId="41" xfId="0" applyFont="1" applyFill="1" applyBorder="1" applyAlignment="1">
      <alignment horizontal="center" vertical="center" shrinkToFit="1"/>
    </xf>
    <xf numFmtId="0" fontId="16" fillId="0" borderId="31" xfId="0" applyFont="1" applyFill="1" applyBorder="1" applyAlignment="1">
      <alignment vertical="center" shrinkToFit="1"/>
    </xf>
    <xf numFmtId="0" fontId="16" fillId="0" borderId="7" xfId="0" applyFont="1" applyFill="1" applyBorder="1" applyAlignment="1">
      <alignment horizontal="center" vertical="center"/>
    </xf>
    <xf numFmtId="0" fontId="16" fillId="0" borderId="7" xfId="0" applyFont="1" applyFill="1" applyBorder="1" applyAlignment="1">
      <alignment vertical="center"/>
    </xf>
    <xf numFmtId="0" fontId="16" fillId="0" borderId="26" xfId="0" applyFont="1" applyFill="1" applyBorder="1" applyAlignment="1">
      <alignment horizontal="center" vertical="center" shrinkToFit="1"/>
    </xf>
    <xf numFmtId="0" fontId="16" fillId="0" borderId="56" xfId="0" applyFont="1" applyFill="1" applyBorder="1" applyAlignment="1">
      <alignment vertical="center"/>
    </xf>
    <xf numFmtId="0" fontId="16" fillId="0" borderId="51" xfId="0" applyFont="1" applyFill="1" applyBorder="1" applyAlignment="1">
      <alignment vertical="center"/>
    </xf>
    <xf numFmtId="0" fontId="16" fillId="0" borderId="56" xfId="0" applyFont="1" applyFill="1" applyBorder="1" applyAlignment="1">
      <alignment vertical="center" shrinkToFit="1"/>
    </xf>
    <xf numFmtId="0" fontId="16" fillId="0" borderId="47" xfId="0" applyFont="1" applyFill="1" applyBorder="1" applyAlignment="1">
      <alignment horizontal="center" vertical="center" shrinkToFit="1"/>
    </xf>
    <xf numFmtId="0" fontId="16" fillId="0" borderId="0" xfId="0" applyFont="1" applyFill="1" applyAlignment="1">
      <alignment horizontal="center" vertical="center"/>
    </xf>
    <xf numFmtId="0" fontId="16" fillId="0" borderId="0" xfId="0" applyFont="1" applyFill="1" applyAlignment="1">
      <alignment vertical="center"/>
    </xf>
    <xf numFmtId="0" fontId="16" fillId="0" borderId="61" xfId="0" applyFont="1" applyFill="1" applyBorder="1" applyAlignment="1">
      <alignment vertical="center" shrinkToFit="1"/>
    </xf>
    <xf numFmtId="0" fontId="16" fillId="0" borderId="50" xfId="0" applyFont="1" applyFill="1" applyBorder="1" applyAlignment="1">
      <alignment vertical="center" shrinkToFit="1"/>
    </xf>
    <xf numFmtId="0" fontId="16" fillId="0" borderId="50" xfId="0" applyFont="1" applyFill="1" applyBorder="1" applyAlignment="1">
      <alignment horizontal="distributed" vertical="center" shrinkToFit="1"/>
    </xf>
    <xf numFmtId="0" fontId="16" fillId="0" borderId="11" xfId="0" applyFont="1" applyFill="1" applyBorder="1" applyAlignment="1">
      <alignment vertical="center" shrinkToFit="1"/>
    </xf>
    <xf numFmtId="0" fontId="16" fillId="0" borderId="7" xfId="0" applyFont="1" applyFill="1" applyBorder="1" applyAlignment="1">
      <alignment vertical="center" shrinkToFit="1"/>
    </xf>
    <xf numFmtId="49" fontId="16" fillId="0" borderId="27" xfId="0" applyNumberFormat="1" applyFont="1" applyFill="1" applyBorder="1" applyAlignment="1">
      <alignment horizontal="left" vertical="center" shrinkToFit="1"/>
    </xf>
    <xf numFmtId="56" fontId="16" fillId="0" borderId="0" xfId="0" applyNumberFormat="1" applyFont="1" applyFill="1" applyBorder="1" applyAlignment="1">
      <alignment horizontal="left" vertical="center" shrinkToFit="1"/>
    </xf>
    <xf numFmtId="14" fontId="16" fillId="0" borderId="57" xfId="0" applyNumberFormat="1" applyFont="1" applyFill="1" applyBorder="1" applyAlignment="1">
      <alignment horizontal="left" vertical="center" shrinkToFit="1"/>
    </xf>
    <xf numFmtId="0" fontId="16" fillId="0" borderId="11" xfId="0" applyFont="1" applyFill="1" applyBorder="1" applyAlignment="1" applyProtection="1">
      <alignment horizontal="left" vertical="center" shrinkToFit="1"/>
      <protection locked="0"/>
    </xf>
    <xf numFmtId="0" fontId="16" fillId="0" borderId="14" xfId="0" applyFont="1" applyFill="1" applyBorder="1" applyAlignment="1" applyProtection="1">
      <alignment horizontal="left" vertical="center" shrinkToFit="1"/>
      <protection locked="0"/>
    </xf>
    <xf numFmtId="0" fontId="16" fillId="0" borderId="7" xfId="0" applyFont="1" applyFill="1" applyBorder="1" applyAlignment="1" applyProtection="1">
      <alignment horizontal="left" vertical="center" shrinkToFit="1"/>
      <protection locked="0"/>
    </xf>
    <xf numFmtId="0" fontId="16" fillId="0" borderId="7" xfId="11" applyFont="1" applyFill="1" applyBorder="1" applyAlignment="1" applyProtection="1">
      <alignment horizontal="distributed" vertical="center" shrinkToFit="1"/>
      <protection locked="0"/>
    </xf>
    <xf numFmtId="0" fontId="20" fillId="0" borderId="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vertical="center"/>
    </xf>
    <xf numFmtId="0" fontId="21" fillId="0" borderId="0" xfId="0" applyFont="1" applyFill="1" applyBorder="1" applyAlignment="1">
      <alignment vertical="center"/>
    </xf>
    <xf numFmtId="0" fontId="22" fillId="0" borderId="0" xfId="0" applyFont="1" applyFill="1" applyBorder="1" applyAlignment="1">
      <alignment horizontal="center" vertical="center"/>
    </xf>
    <xf numFmtId="0" fontId="9" fillId="0" borderId="12" xfId="0" applyFont="1" applyFill="1" applyBorder="1" applyAlignment="1">
      <alignment horizontal="center" vertical="center" shrinkToFit="1"/>
    </xf>
    <xf numFmtId="0" fontId="9" fillId="0" borderId="6" xfId="0" applyFont="1" applyFill="1" applyBorder="1" applyAlignment="1">
      <alignment horizontal="center" vertical="center" shrinkToFit="1"/>
    </xf>
    <xf numFmtId="0" fontId="9" fillId="0" borderId="5" xfId="0" applyFont="1" applyFill="1" applyBorder="1" applyAlignment="1">
      <alignment horizontal="center" vertical="center" shrinkToFit="1"/>
    </xf>
    <xf numFmtId="0" fontId="9" fillId="0" borderId="16" xfId="0" applyFont="1" applyFill="1" applyBorder="1" applyAlignment="1">
      <alignment horizontal="center" vertical="center" shrinkToFit="1"/>
    </xf>
    <xf numFmtId="0" fontId="9" fillId="0" borderId="17" xfId="0" applyFont="1" applyFill="1" applyBorder="1" applyAlignment="1">
      <alignment horizontal="center" vertical="center" shrinkToFit="1"/>
    </xf>
    <xf numFmtId="0" fontId="9" fillId="0" borderId="18" xfId="0" applyFont="1" applyFill="1" applyBorder="1" applyAlignment="1">
      <alignment horizontal="center" vertical="center" shrinkToFit="1"/>
    </xf>
    <xf numFmtId="0" fontId="9" fillId="0" borderId="19" xfId="0" applyFont="1" applyFill="1" applyBorder="1" applyAlignment="1">
      <alignment horizontal="center" vertical="center" shrinkToFit="1"/>
    </xf>
    <xf numFmtId="0" fontId="9" fillId="0" borderId="49" xfId="0" applyFont="1" applyFill="1" applyBorder="1" applyAlignment="1">
      <alignment horizontal="center" vertical="center" shrinkToFit="1"/>
    </xf>
    <xf numFmtId="0" fontId="9" fillId="0" borderId="20" xfId="0" applyFont="1" applyFill="1" applyBorder="1" applyAlignment="1">
      <alignment horizontal="center" vertical="center" shrinkToFit="1"/>
    </xf>
    <xf numFmtId="0" fontId="9" fillId="0" borderId="42" xfId="0" applyFont="1" applyFill="1" applyBorder="1" applyAlignment="1">
      <alignment horizontal="left" vertical="center" shrinkToFit="1"/>
    </xf>
    <xf numFmtId="0" fontId="9" fillId="0" borderId="31" xfId="0" applyFont="1" applyFill="1" applyBorder="1" applyAlignment="1">
      <alignment horizontal="left" vertical="center" shrinkToFit="1"/>
    </xf>
    <xf numFmtId="176" fontId="9" fillId="0" borderId="43" xfId="0" applyNumberFormat="1" applyFont="1" applyFill="1" applyBorder="1" applyAlignment="1">
      <alignment horizontal="center" vertical="center" shrinkToFit="1"/>
    </xf>
    <xf numFmtId="0" fontId="9" fillId="0" borderId="0" xfId="0" applyFont="1" applyFill="1" applyBorder="1" applyAlignment="1">
      <alignment horizontal="center" vertical="center" shrinkToFit="1"/>
    </xf>
    <xf numFmtId="0" fontId="9" fillId="0" borderId="0" xfId="0" applyFont="1" applyFill="1" applyBorder="1" applyAlignment="1">
      <alignment horizontal="left" vertical="center" shrinkToFit="1"/>
    </xf>
    <xf numFmtId="176" fontId="9" fillId="0" borderId="0" xfId="0" applyNumberFormat="1" applyFont="1" applyFill="1" applyBorder="1" applyAlignment="1">
      <alignment horizontal="center" vertical="center" shrinkToFit="1"/>
    </xf>
    <xf numFmtId="0" fontId="9" fillId="0" borderId="0" xfId="0" applyFont="1" applyFill="1" applyBorder="1" applyAlignment="1">
      <alignment horizontal="left" vertical="center"/>
    </xf>
    <xf numFmtId="57" fontId="9" fillId="0" borderId="0" xfId="0" applyNumberFormat="1" applyFont="1" applyFill="1" applyBorder="1" applyAlignment="1">
      <alignment horizontal="center" vertical="center"/>
    </xf>
    <xf numFmtId="38" fontId="9" fillId="0" borderId="0" xfId="5" applyFont="1" applyFill="1" applyBorder="1" applyAlignment="1">
      <alignment horizontal="right" vertical="center"/>
    </xf>
    <xf numFmtId="0" fontId="9" fillId="0" borderId="1" xfId="0" applyFont="1" applyFill="1" applyBorder="1" applyAlignment="1">
      <alignment horizontal="center" vertical="center" shrinkToFit="1"/>
    </xf>
    <xf numFmtId="0" fontId="9" fillId="0" borderId="35" xfId="0" applyFont="1" applyFill="1" applyBorder="1" applyAlignment="1">
      <alignment horizontal="left" vertical="center" shrinkToFit="1"/>
    </xf>
    <xf numFmtId="0" fontId="9" fillId="0" borderId="28" xfId="0" applyFont="1" applyFill="1" applyBorder="1" applyAlignment="1">
      <alignment horizontal="left" vertical="center" shrinkToFit="1"/>
    </xf>
    <xf numFmtId="176" fontId="9" fillId="0" borderId="36" xfId="0" applyNumberFormat="1" applyFont="1" applyFill="1" applyBorder="1" applyAlignment="1">
      <alignment horizontal="center" vertical="center" shrinkToFit="1"/>
    </xf>
    <xf numFmtId="0" fontId="9" fillId="0" borderId="23" xfId="0" applyFont="1" applyFill="1" applyBorder="1" applyAlignment="1">
      <alignment horizontal="left" vertical="center" shrinkToFit="1"/>
    </xf>
    <xf numFmtId="0" fontId="11" fillId="0" borderId="15" xfId="0" applyFont="1" applyFill="1" applyBorder="1" applyAlignment="1">
      <alignment horizontal="left" vertical="center" wrapText="1" shrinkToFit="1"/>
    </xf>
    <xf numFmtId="0" fontId="9" fillId="0" borderId="15" xfId="0" applyFont="1" applyFill="1" applyBorder="1" applyAlignment="1">
      <alignment horizontal="left" vertical="center" shrinkToFit="1"/>
    </xf>
    <xf numFmtId="176" fontId="9" fillId="0" borderId="21" xfId="0" applyNumberFormat="1" applyFont="1" applyFill="1" applyBorder="1" applyAlignment="1">
      <alignment horizontal="center" vertical="center" shrinkToFit="1"/>
    </xf>
    <xf numFmtId="0" fontId="9" fillId="0" borderId="0" xfId="0" applyFont="1" applyFill="1" applyBorder="1" applyAlignment="1">
      <alignment horizontal="left" vertical="center" wrapText="1" shrinkToFit="1"/>
    </xf>
    <xf numFmtId="0" fontId="9" fillId="0" borderId="25" xfId="0" applyFont="1" applyFill="1" applyBorder="1" applyAlignment="1">
      <alignment horizontal="left" vertical="center" wrapText="1" shrinkToFit="1"/>
    </xf>
    <xf numFmtId="0" fontId="9" fillId="0" borderId="25" xfId="0" applyFont="1" applyFill="1" applyBorder="1" applyAlignment="1">
      <alignment horizontal="left" vertical="center" shrinkToFit="1"/>
    </xf>
    <xf numFmtId="176" fontId="9" fillId="0" borderId="8" xfId="0" applyNumberFormat="1" applyFont="1" applyFill="1" applyBorder="1" applyAlignment="1">
      <alignment horizontal="center" vertical="center" shrinkToFit="1"/>
    </xf>
    <xf numFmtId="0" fontId="9" fillId="0" borderId="4" xfId="0" applyFont="1" applyFill="1" applyBorder="1" applyAlignment="1">
      <alignment horizontal="right" vertical="center"/>
    </xf>
    <xf numFmtId="0" fontId="9" fillId="0" borderId="6" xfId="0" applyFont="1" applyFill="1" applyBorder="1" applyAlignment="1">
      <alignment horizontal="left" vertical="center" shrinkToFit="1"/>
    </xf>
    <xf numFmtId="0" fontId="9" fillId="0" borderId="5" xfId="0" applyFont="1" applyFill="1" applyBorder="1" applyAlignment="1">
      <alignment horizontal="left" vertical="center" shrinkToFit="1"/>
    </xf>
    <xf numFmtId="176" fontId="9" fillId="0" borderId="16" xfId="0" applyNumberFormat="1" applyFont="1" applyFill="1" applyBorder="1" applyAlignment="1">
      <alignment horizontal="center" vertical="center" shrinkToFit="1"/>
    </xf>
    <xf numFmtId="0" fontId="9" fillId="0" borderId="4" xfId="0" applyFont="1" applyFill="1" applyBorder="1" applyAlignment="1">
      <alignment horizontal="center" vertical="center"/>
    </xf>
    <xf numFmtId="0" fontId="9" fillId="0" borderId="4" xfId="0" applyFont="1" applyFill="1" applyBorder="1" applyAlignment="1">
      <alignment horizontal="left" vertical="center"/>
    </xf>
    <xf numFmtId="57" fontId="9" fillId="0" borderId="4" xfId="0" applyNumberFormat="1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horizontal="left" vertical="center"/>
    </xf>
    <xf numFmtId="0" fontId="23" fillId="0" borderId="0" xfId="0" applyFont="1" applyFill="1"/>
    <xf numFmtId="0" fontId="24" fillId="0" borderId="0" xfId="0" applyFont="1" applyFill="1" applyAlignment="1">
      <alignment vertical="center"/>
    </xf>
    <xf numFmtId="0" fontId="23" fillId="0" borderId="0" xfId="0" applyFont="1" applyFill="1" applyAlignment="1"/>
    <xf numFmtId="0" fontId="25" fillId="0" borderId="0" xfId="0" applyFont="1" applyFill="1" applyAlignment="1">
      <alignment vertical="center"/>
    </xf>
    <xf numFmtId="0" fontId="26" fillId="0" borderId="0" xfId="0" applyFont="1" applyFill="1"/>
    <xf numFmtId="0" fontId="27" fillId="0" borderId="0" xfId="0" applyFont="1" applyFill="1" applyAlignment="1">
      <alignment vertical="center"/>
    </xf>
    <xf numFmtId="0" fontId="28" fillId="0" borderId="0" xfId="0" applyFont="1" applyFill="1" applyAlignment="1">
      <alignment vertical="center"/>
    </xf>
    <xf numFmtId="0" fontId="29" fillId="0" borderId="0" xfId="0" applyFont="1" applyFill="1"/>
    <xf numFmtId="0" fontId="30" fillId="0" borderId="0" xfId="0" applyFont="1" applyFill="1"/>
    <xf numFmtId="0" fontId="16" fillId="0" borderId="0" xfId="0" applyFont="1" applyFill="1"/>
    <xf numFmtId="0" fontId="30" fillId="0" borderId="0" xfId="0" applyFont="1" applyFill="1" applyAlignment="1"/>
    <xf numFmtId="0" fontId="17" fillId="0" borderId="0" xfId="0" applyFont="1" applyFill="1" applyAlignment="1">
      <alignment horizontal="right" vertical="center"/>
    </xf>
    <xf numFmtId="0" fontId="26" fillId="0" borderId="9" xfId="0" applyFont="1" applyFill="1" applyBorder="1" applyAlignment="1">
      <alignment vertical="center"/>
    </xf>
    <xf numFmtId="0" fontId="16" fillId="0" borderId="16" xfId="0" applyFont="1" applyFill="1" applyBorder="1" applyAlignment="1">
      <alignment horizontal="center" vertical="center" shrinkToFit="1"/>
    </xf>
    <xf numFmtId="0" fontId="16" fillId="0" borderId="57" xfId="0" applyFont="1" applyFill="1" applyBorder="1" applyAlignment="1">
      <alignment vertical="center" shrinkToFit="1"/>
    </xf>
    <xf numFmtId="49" fontId="18" fillId="0" borderId="2" xfId="0" applyNumberFormat="1" applyFont="1" applyFill="1" applyBorder="1" applyAlignment="1">
      <alignment horizontal="center" vertical="center" shrinkToFit="1"/>
    </xf>
    <xf numFmtId="49" fontId="18" fillId="0" borderId="54" xfId="0" applyNumberFormat="1" applyFont="1" applyFill="1" applyBorder="1" applyAlignment="1">
      <alignment horizontal="center" vertical="center" shrinkToFit="1"/>
    </xf>
    <xf numFmtId="0" fontId="16" fillId="0" borderId="64" xfId="0" applyFont="1" applyFill="1" applyBorder="1" applyAlignment="1">
      <alignment vertical="center" shrinkToFit="1"/>
    </xf>
    <xf numFmtId="49" fontId="27" fillId="0" borderId="54" xfId="0" applyNumberFormat="1" applyFont="1" applyFill="1" applyBorder="1" applyAlignment="1">
      <alignment vertical="center" wrapText="1" shrinkToFit="1"/>
    </xf>
    <xf numFmtId="49" fontId="27" fillId="0" borderId="54" xfId="0" applyNumberFormat="1" applyFont="1" applyFill="1" applyBorder="1" applyAlignment="1">
      <alignment horizontal="center" vertical="center" shrinkToFit="1"/>
    </xf>
    <xf numFmtId="56" fontId="16" fillId="0" borderId="53" xfId="0" applyNumberFormat="1" applyFont="1" applyFill="1" applyBorder="1" applyAlignment="1">
      <alignment vertical="center" shrinkToFit="1"/>
    </xf>
    <xf numFmtId="0" fontId="31" fillId="0" borderId="21" xfId="0" applyFont="1" applyFill="1" applyBorder="1" applyAlignment="1">
      <alignment horizontal="left" vertical="center" wrapText="1" shrinkToFit="1"/>
    </xf>
    <xf numFmtId="49" fontId="18" fillId="0" borderId="11" xfId="0" applyNumberFormat="1" applyFont="1" applyFill="1" applyBorder="1" applyAlignment="1">
      <alignment horizontal="center" vertical="center" shrinkToFit="1"/>
    </xf>
    <xf numFmtId="0" fontId="16" fillId="0" borderId="33" xfId="0" applyFont="1" applyFill="1" applyBorder="1" applyAlignment="1">
      <alignment horizontal="left" vertical="center" shrinkToFit="1"/>
    </xf>
    <xf numFmtId="0" fontId="16" fillId="0" borderId="42" xfId="0" applyFont="1" applyFill="1" applyBorder="1" applyAlignment="1">
      <alignment horizontal="left" vertical="center" shrinkToFit="1"/>
    </xf>
    <xf numFmtId="0" fontId="16" fillId="0" borderId="42" xfId="0" applyFont="1" applyFill="1" applyBorder="1" applyAlignment="1">
      <alignment horizontal="distributed" vertical="center" shrinkToFit="1"/>
    </xf>
    <xf numFmtId="49" fontId="27" fillId="0" borderId="54" xfId="0" applyNumberFormat="1" applyFont="1" applyFill="1" applyBorder="1" applyAlignment="1">
      <alignment vertical="center" shrinkToFit="1"/>
    </xf>
    <xf numFmtId="0" fontId="16" fillId="0" borderId="32" xfId="0" applyFont="1" applyFill="1" applyBorder="1" applyAlignment="1">
      <alignment vertical="center" shrinkToFit="1"/>
    </xf>
    <xf numFmtId="0" fontId="16" fillId="0" borderId="39" xfId="0" applyFont="1" applyFill="1" applyBorder="1" applyAlignment="1">
      <alignment vertical="center" shrinkToFit="1"/>
    </xf>
    <xf numFmtId="0" fontId="16" fillId="0" borderId="29" xfId="0" applyFont="1" applyFill="1" applyBorder="1" applyAlignment="1">
      <alignment vertical="center" shrinkToFit="1"/>
    </xf>
    <xf numFmtId="0" fontId="16" fillId="0" borderId="34" xfId="0" applyFont="1" applyFill="1" applyBorder="1" applyAlignment="1">
      <alignment vertical="center" shrinkToFit="1"/>
    </xf>
    <xf numFmtId="0" fontId="16" fillId="0" borderId="35" xfId="0" applyFont="1" applyFill="1" applyBorder="1" applyAlignment="1">
      <alignment vertical="center" shrinkToFit="1"/>
    </xf>
    <xf numFmtId="0" fontId="16" fillId="0" borderId="0" xfId="11" applyFont="1" applyFill="1" applyBorder="1" applyAlignment="1" applyProtection="1">
      <alignment horizontal="distributed" vertical="center" shrinkToFit="1"/>
    </xf>
    <xf numFmtId="0" fontId="16" fillId="0" borderId="42" xfId="11" applyFont="1" applyFill="1" applyBorder="1" applyAlignment="1" applyProtection="1">
      <alignment horizontal="distributed" vertical="center" shrinkToFit="1"/>
    </xf>
    <xf numFmtId="49" fontId="27" fillId="0" borderId="2" xfId="0" applyNumberFormat="1" applyFont="1" applyFill="1" applyBorder="1" applyAlignment="1">
      <alignment vertical="center" shrinkToFit="1"/>
    </xf>
    <xf numFmtId="56" fontId="16" fillId="0" borderId="32" xfId="0" applyNumberFormat="1" applyFont="1" applyFill="1" applyBorder="1" applyAlignment="1">
      <alignment horizontal="left" vertical="center" shrinkToFit="1"/>
    </xf>
    <xf numFmtId="56" fontId="16" fillId="2" borderId="33" xfId="0" applyNumberFormat="1" applyFont="1" applyFill="1" applyBorder="1" applyAlignment="1">
      <alignment horizontal="left" vertical="center" shrinkToFit="1"/>
    </xf>
    <xf numFmtId="0" fontId="16" fillId="2" borderId="41" xfId="0" applyFont="1" applyFill="1" applyBorder="1" applyAlignment="1">
      <alignment horizontal="left" vertical="center" shrinkToFit="1"/>
    </xf>
    <xf numFmtId="0" fontId="16" fillId="2" borderId="43" xfId="0" applyFont="1" applyFill="1" applyBorder="1" applyAlignment="1">
      <alignment horizontal="left" vertical="center" shrinkToFit="1"/>
    </xf>
    <xf numFmtId="0" fontId="16" fillId="2" borderId="42" xfId="0" applyFont="1" applyFill="1" applyBorder="1" applyAlignment="1">
      <alignment horizontal="left" vertical="center" shrinkToFit="1"/>
    </xf>
    <xf numFmtId="0" fontId="16" fillId="2" borderId="42" xfId="11" applyFont="1" applyFill="1" applyBorder="1" applyAlignment="1" applyProtection="1">
      <alignment horizontal="distributed" vertical="center" shrinkToFit="1"/>
    </xf>
    <xf numFmtId="0" fontId="16" fillId="2" borderId="43" xfId="0" applyFont="1" applyFill="1" applyBorder="1" applyAlignment="1">
      <alignment vertical="center" shrinkToFit="1"/>
    </xf>
    <xf numFmtId="49" fontId="18" fillId="0" borderId="0" xfId="0" applyNumberFormat="1" applyFont="1" applyFill="1" applyBorder="1" applyAlignment="1">
      <alignment horizontal="center" vertical="center" shrinkToFit="1"/>
    </xf>
    <xf numFmtId="0" fontId="16" fillId="0" borderId="0" xfId="0" applyFont="1" applyFill="1" applyAlignment="1">
      <alignment shrinkToFit="1"/>
    </xf>
    <xf numFmtId="0" fontId="16" fillId="2" borderId="27" xfId="0" applyFont="1" applyFill="1" applyBorder="1" applyAlignment="1">
      <alignment horizontal="left" vertical="center" shrinkToFit="1"/>
    </xf>
    <xf numFmtId="0" fontId="16" fillId="2" borderId="13" xfId="0" applyFont="1" applyFill="1" applyBorder="1" applyAlignment="1">
      <alignment horizontal="left" vertical="center" shrinkToFit="1"/>
    </xf>
    <xf numFmtId="0" fontId="16" fillId="2" borderId="21" xfId="0" applyFont="1" applyFill="1" applyBorder="1" applyAlignment="1">
      <alignment horizontal="left" vertical="center" shrinkToFit="1"/>
    </xf>
    <xf numFmtId="0" fontId="16" fillId="2" borderId="23" xfId="0" applyFont="1" applyFill="1" applyBorder="1" applyAlignment="1">
      <alignment horizontal="left" vertical="center" shrinkToFit="1"/>
    </xf>
    <xf numFmtId="0" fontId="16" fillId="2" borderId="23" xfId="0" applyFont="1" applyFill="1" applyBorder="1" applyAlignment="1">
      <alignment horizontal="distributed" vertical="center" shrinkToFit="1"/>
    </xf>
    <xf numFmtId="0" fontId="16" fillId="2" borderId="21" xfId="0" applyFont="1" applyFill="1" applyBorder="1" applyAlignment="1">
      <alignment vertical="center" shrinkToFit="1"/>
    </xf>
    <xf numFmtId="49" fontId="18" fillId="0" borderId="2" xfId="0" applyNumberFormat="1" applyFont="1" applyFill="1" applyBorder="1" applyAlignment="1" applyProtection="1">
      <alignment horizontal="center" vertical="center" shrinkToFit="1"/>
      <protection locked="0"/>
    </xf>
    <xf numFmtId="49" fontId="18" fillId="0" borderId="11" xfId="0" applyNumberFormat="1" applyFont="1" applyFill="1" applyBorder="1" applyAlignment="1" applyProtection="1">
      <alignment horizontal="center" vertical="center" shrinkToFit="1"/>
      <protection locked="0"/>
    </xf>
    <xf numFmtId="177" fontId="16" fillId="0" borderId="64" xfId="0" applyNumberFormat="1" applyFont="1" applyFill="1" applyBorder="1" applyAlignment="1">
      <alignment horizontal="left" vertical="center" shrinkToFit="1"/>
    </xf>
    <xf numFmtId="177" fontId="16" fillId="0" borderId="32" xfId="0" applyNumberFormat="1" applyFont="1" applyFill="1" applyBorder="1" applyAlignment="1">
      <alignment horizontal="left" vertical="center" shrinkToFit="1"/>
    </xf>
    <xf numFmtId="49" fontId="27" fillId="0" borderId="65" xfId="0" applyNumberFormat="1" applyFont="1" applyFill="1" applyBorder="1" applyAlignment="1" applyProtection="1">
      <alignment vertical="top" wrapText="1" shrinkToFit="1"/>
      <protection locked="0"/>
    </xf>
    <xf numFmtId="14" fontId="16" fillId="0" borderId="64" xfId="0" applyNumberFormat="1" applyFont="1" applyFill="1" applyBorder="1" applyAlignment="1">
      <alignment horizontal="left" vertical="center" shrinkToFit="1"/>
    </xf>
    <xf numFmtId="0" fontId="23" fillId="0" borderId="0" xfId="0" applyFont="1" applyFill="1" applyAlignment="1">
      <alignment horizontal="right"/>
    </xf>
    <xf numFmtId="0" fontId="19" fillId="0" borderId="28" xfId="0" applyFont="1" applyFill="1" applyBorder="1" applyAlignment="1">
      <alignment horizontal="left" vertical="center" shrinkToFit="1"/>
    </xf>
    <xf numFmtId="0" fontId="32" fillId="0" borderId="0" xfId="0" applyFont="1" applyFill="1" applyAlignment="1">
      <alignment vertical="center"/>
    </xf>
    <xf numFmtId="0" fontId="32" fillId="0" borderId="0" xfId="0" applyFont="1" applyFill="1" applyAlignment="1">
      <alignment horizontal="center" vertical="center"/>
    </xf>
    <xf numFmtId="0" fontId="32" fillId="0" borderId="0" xfId="0" applyFont="1" applyFill="1" applyBorder="1" applyAlignment="1">
      <alignment vertical="center"/>
    </xf>
    <xf numFmtId="0" fontId="32" fillId="0" borderId="0" xfId="0" applyFont="1" applyFill="1" applyAlignment="1">
      <alignment horizontal="right" vertical="center"/>
    </xf>
    <xf numFmtId="0" fontId="31" fillId="0" borderId="0" xfId="0" applyFont="1" applyFill="1" applyAlignment="1">
      <alignment horizontal="right" vertical="center"/>
    </xf>
    <xf numFmtId="0" fontId="31" fillId="0" borderId="0" xfId="0" applyFont="1" applyFill="1" applyAlignment="1">
      <alignment vertical="center"/>
    </xf>
    <xf numFmtId="0" fontId="18" fillId="0" borderId="0" xfId="0" applyFont="1" applyFill="1" applyAlignment="1">
      <alignment horizontal="left" vertical="center"/>
    </xf>
    <xf numFmtId="0" fontId="16" fillId="0" borderId="45" xfId="0" applyFont="1" applyFill="1" applyBorder="1" applyAlignment="1">
      <alignment vertical="center" shrinkToFit="1"/>
    </xf>
    <xf numFmtId="0" fontId="16" fillId="0" borderId="52" xfId="0" applyFont="1" applyFill="1" applyBorder="1" applyAlignment="1">
      <alignment horizontal="center" vertical="center" shrinkToFit="1"/>
    </xf>
    <xf numFmtId="0" fontId="16" fillId="0" borderId="39" xfId="0" applyFont="1" applyFill="1" applyBorder="1" applyAlignment="1">
      <alignment horizontal="center" vertical="center" shrinkToFit="1"/>
    </xf>
    <xf numFmtId="0" fontId="16" fillId="0" borderId="59" xfId="0" applyFont="1" applyFill="1" applyBorder="1" applyAlignment="1">
      <alignment vertical="center"/>
    </xf>
    <xf numFmtId="0" fontId="16" fillId="0" borderId="38" xfId="0" applyFont="1" applyFill="1" applyBorder="1" applyAlignment="1">
      <alignment vertical="center"/>
    </xf>
    <xf numFmtId="0" fontId="16" fillId="0" borderId="38" xfId="0" applyFont="1" applyFill="1" applyBorder="1" applyAlignment="1">
      <alignment vertical="center" shrinkToFit="1"/>
    </xf>
    <xf numFmtId="0" fontId="16" fillId="0" borderId="58" xfId="0" applyFont="1" applyFill="1" applyBorder="1" applyAlignment="1">
      <alignment vertical="center"/>
    </xf>
    <xf numFmtId="0" fontId="16" fillId="0" borderId="27" xfId="0" applyFont="1" applyFill="1" applyBorder="1" applyAlignment="1">
      <alignment vertical="center"/>
    </xf>
    <xf numFmtId="0" fontId="16" fillId="0" borderId="2" xfId="0" applyFont="1" applyFill="1" applyBorder="1" applyAlignment="1">
      <alignment horizontal="center" vertical="center" shrinkToFit="1"/>
    </xf>
    <xf numFmtId="0" fontId="18" fillId="0" borderId="48" xfId="0" applyFont="1" applyFill="1" applyBorder="1" applyAlignment="1">
      <alignment vertical="center"/>
    </xf>
    <xf numFmtId="0" fontId="16" fillId="0" borderId="59" xfId="0" applyFont="1" applyFill="1" applyBorder="1" applyAlignment="1">
      <alignment vertical="center" shrinkToFit="1"/>
    </xf>
    <xf numFmtId="0" fontId="16" fillId="0" borderId="58" xfId="0" applyFont="1" applyFill="1" applyBorder="1" applyAlignment="1">
      <alignment vertical="center" shrinkToFit="1"/>
    </xf>
    <xf numFmtId="0" fontId="16" fillId="0" borderId="53" xfId="0" applyFont="1" applyFill="1" applyBorder="1" applyAlignment="1">
      <alignment vertical="center" shrinkToFit="1"/>
    </xf>
    <xf numFmtId="0" fontId="18" fillId="0" borderId="60" xfId="0" applyFont="1" applyFill="1" applyBorder="1" applyAlignment="1">
      <alignment vertical="center"/>
    </xf>
    <xf numFmtId="0" fontId="16" fillId="0" borderId="52" xfId="0" applyFont="1" applyFill="1" applyBorder="1" applyAlignment="1">
      <alignment horizontal="center" vertical="top" shrinkToFit="1"/>
    </xf>
    <xf numFmtId="0" fontId="16" fillId="0" borderId="48" xfId="0" applyFont="1" applyFill="1" applyBorder="1" applyAlignment="1">
      <alignment vertical="center" shrinkToFit="1"/>
    </xf>
    <xf numFmtId="0" fontId="16" fillId="0" borderId="48" xfId="0" applyFont="1" applyFill="1" applyBorder="1" applyAlignment="1">
      <alignment vertical="center"/>
    </xf>
    <xf numFmtId="0" fontId="16" fillId="0" borderId="39" xfId="0" applyFont="1" applyFill="1" applyBorder="1" applyAlignment="1">
      <alignment horizontal="center" vertical="center"/>
    </xf>
    <xf numFmtId="0" fontId="18" fillId="0" borderId="42" xfId="0" applyFont="1" applyFill="1" applyBorder="1" applyAlignment="1">
      <alignment vertical="center"/>
    </xf>
    <xf numFmtId="0" fontId="16" fillId="0" borderId="4" xfId="0" applyFont="1" applyFill="1" applyBorder="1" applyAlignment="1">
      <alignment horizontal="center" vertical="center" shrinkToFit="1"/>
    </xf>
    <xf numFmtId="0" fontId="16" fillId="0" borderId="4" xfId="0" applyFont="1" applyFill="1" applyBorder="1" applyAlignment="1">
      <alignment vertical="center" shrinkToFit="1"/>
    </xf>
    <xf numFmtId="0" fontId="16" fillId="0" borderId="4" xfId="0" applyFont="1" applyFill="1" applyBorder="1" applyAlignment="1">
      <alignment horizontal="left" vertical="center" shrinkToFit="1"/>
    </xf>
    <xf numFmtId="0" fontId="16" fillId="0" borderId="7" xfId="0" applyFont="1" applyFill="1" applyBorder="1" applyAlignment="1">
      <alignment horizontal="center" vertical="center" shrinkToFit="1"/>
    </xf>
    <xf numFmtId="0" fontId="16" fillId="0" borderId="7" xfId="0" applyFont="1" applyFill="1" applyBorder="1" applyAlignment="1">
      <alignment horizontal="left" vertical="center" shrinkToFit="1"/>
    </xf>
    <xf numFmtId="0" fontId="31" fillId="0" borderId="21" xfId="0" applyFont="1" applyFill="1" applyBorder="1" applyAlignment="1">
      <alignment vertical="center" shrinkToFit="1"/>
    </xf>
    <xf numFmtId="0" fontId="16" fillId="0" borderId="41" xfId="0" applyFont="1" applyFill="1" applyBorder="1" applyAlignment="1">
      <alignment horizontal="center" vertical="center"/>
    </xf>
    <xf numFmtId="0" fontId="16" fillId="0" borderId="0" xfId="0" applyFont="1" applyFill="1" applyBorder="1" applyAlignment="1">
      <alignment vertical="center"/>
    </xf>
    <xf numFmtId="0" fontId="16" fillId="0" borderId="0" xfId="0" applyFont="1" applyFill="1" applyBorder="1" applyAlignment="1">
      <alignment horizontal="center" vertical="center"/>
    </xf>
    <xf numFmtId="0" fontId="16" fillId="0" borderId="0" xfId="0" applyFont="1" applyFill="1" applyAlignment="1">
      <alignment horizontal="left" vertical="center"/>
    </xf>
    <xf numFmtId="0" fontId="18" fillId="0" borderId="0" xfId="0" applyFont="1" applyFill="1" applyBorder="1" applyAlignment="1">
      <alignment horizontal="left" vertical="center"/>
    </xf>
    <xf numFmtId="0" fontId="16" fillId="0" borderId="47" xfId="0" applyFont="1" applyFill="1" applyBorder="1" applyAlignment="1">
      <alignment horizontal="center" vertical="center"/>
    </xf>
    <xf numFmtId="0" fontId="16" fillId="2" borderId="31" xfId="0" applyFont="1" applyFill="1" applyBorder="1" applyAlignment="1">
      <alignment vertical="center"/>
    </xf>
    <xf numFmtId="0" fontId="16" fillId="2" borderId="43" xfId="0" applyFont="1" applyFill="1" applyBorder="1" applyAlignment="1">
      <alignment vertical="center"/>
    </xf>
    <xf numFmtId="0" fontId="16" fillId="0" borderId="37" xfId="0" applyFont="1" applyFill="1" applyBorder="1" applyAlignment="1">
      <alignment horizontal="center" vertical="center" shrinkToFit="1"/>
    </xf>
    <xf numFmtId="0" fontId="16" fillId="0" borderId="15" xfId="0" applyFont="1" applyFill="1" applyBorder="1" applyAlignment="1">
      <alignment horizontal="left" vertical="center" shrinkToFit="1"/>
    </xf>
    <xf numFmtId="0" fontId="16" fillId="0" borderId="25" xfId="0" applyFont="1" applyFill="1" applyBorder="1" applyAlignment="1">
      <alignment horizontal="left" vertical="center" shrinkToFit="1"/>
    </xf>
    <xf numFmtId="0" fontId="16" fillId="2" borderId="60" xfId="0" applyFont="1" applyFill="1" applyBorder="1" applyAlignment="1">
      <alignment vertical="center"/>
    </xf>
    <xf numFmtId="0" fontId="16" fillId="2" borderId="57" xfId="0" applyFont="1" applyFill="1" applyBorder="1" applyAlignment="1">
      <alignment vertical="center"/>
    </xf>
    <xf numFmtId="0" fontId="16" fillId="2" borderId="48" xfId="0" applyFont="1" applyFill="1" applyBorder="1" applyAlignment="1">
      <alignment vertical="center"/>
    </xf>
    <xf numFmtId="0" fontId="16" fillId="2" borderId="33" xfId="0" applyFont="1" applyFill="1" applyBorder="1" applyAlignment="1">
      <alignment vertical="center"/>
    </xf>
    <xf numFmtId="0" fontId="16" fillId="0" borderId="21" xfId="0" applyFont="1" applyFill="1" applyBorder="1" applyAlignment="1">
      <alignment vertical="center"/>
    </xf>
    <xf numFmtId="0" fontId="16" fillId="0" borderId="15" xfId="0" applyFont="1" applyFill="1" applyBorder="1" applyAlignment="1">
      <alignment vertical="center"/>
    </xf>
    <xf numFmtId="49" fontId="27" fillId="0" borderId="62" xfId="0" applyNumberFormat="1" applyFont="1" applyFill="1" applyBorder="1" applyAlignment="1" applyProtection="1">
      <alignment horizontal="center" vertical="top" wrapText="1" shrinkToFit="1"/>
      <protection locked="0"/>
    </xf>
    <xf numFmtId="49" fontId="27" fillId="0" borderId="54" xfId="0" applyNumberFormat="1" applyFont="1" applyFill="1" applyBorder="1" applyAlignment="1" applyProtection="1">
      <alignment horizontal="center" vertical="top" wrapText="1" shrinkToFit="1"/>
      <protection locked="0"/>
    </xf>
    <xf numFmtId="49" fontId="27" fillId="0" borderId="62" xfId="0" applyNumberFormat="1" applyFont="1" applyFill="1" applyBorder="1" applyAlignment="1">
      <alignment horizontal="center" vertical="center" shrinkToFit="1"/>
    </xf>
    <xf numFmtId="49" fontId="27" fillId="0" borderId="54" xfId="0" applyNumberFormat="1" applyFont="1" applyFill="1" applyBorder="1" applyAlignment="1">
      <alignment horizontal="center" vertical="center" shrinkToFit="1"/>
    </xf>
    <xf numFmtId="0" fontId="16" fillId="0" borderId="6" xfId="0" applyFont="1" applyFill="1" applyBorder="1" applyAlignment="1">
      <alignment horizontal="center" vertical="center" wrapText="1" shrinkToFit="1"/>
    </xf>
    <xf numFmtId="0" fontId="16" fillId="0" borderId="16" xfId="0" applyFont="1" applyFill="1" applyBorder="1" applyAlignment="1">
      <alignment horizontal="center" vertical="center" wrapText="1" shrinkToFit="1"/>
    </xf>
    <xf numFmtId="0" fontId="16" fillId="0" borderId="9" xfId="0" applyFont="1" applyFill="1" applyBorder="1" applyAlignment="1">
      <alignment horizontal="center" vertical="center"/>
    </xf>
    <xf numFmtId="0" fontId="16" fillId="0" borderId="16" xfId="0" applyFont="1" applyFill="1" applyBorder="1" applyAlignment="1">
      <alignment horizontal="center" vertical="center"/>
    </xf>
    <xf numFmtId="49" fontId="27" fillId="0" borderId="62" xfId="0" applyNumberFormat="1" applyFont="1" applyFill="1" applyBorder="1" applyAlignment="1">
      <alignment horizontal="center" vertical="center" wrapText="1" shrinkToFit="1"/>
    </xf>
    <xf numFmtId="49" fontId="27" fillId="0" borderId="54" xfId="0" applyNumberFormat="1" applyFont="1" applyFill="1" applyBorder="1" applyAlignment="1">
      <alignment horizontal="center" vertical="center" wrapText="1" shrinkToFit="1"/>
    </xf>
    <xf numFmtId="38" fontId="19" fillId="0" borderId="0" xfId="5" applyFont="1" applyFill="1" applyBorder="1" applyAlignment="1">
      <alignment horizontal="right" vertical="center"/>
    </xf>
    <xf numFmtId="38" fontId="19" fillId="0" borderId="7" xfId="5" applyFont="1" applyFill="1" applyBorder="1" applyAlignment="1">
      <alignment horizontal="right" vertical="center"/>
    </xf>
    <xf numFmtId="0" fontId="9" fillId="0" borderId="0" xfId="0" applyFont="1" applyFill="1" applyBorder="1" applyAlignment="1">
      <alignment horizontal="left" vertical="center" wrapText="1"/>
    </xf>
    <xf numFmtId="0" fontId="9" fillId="0" borderId="0" xfId="0" applyFont="1" applyFill="1" applyBorder="1" applyAlignment="1">
      <alignment horizontal="left" vertical="center"/>
    </xf>
    <xf numFmtId="0" fontId="9" fillId="0" borderId="0" xfId="0" applyFont="1" applyFill="1" applyAlignment="1">
      <alignment horizontal="left" wrapText="1"/>
    </xf>
    <xf numFmtId="0" fontId="9" fillId="0" borderId="0" xfId="0" applyFont="1" applyFill="1" applyAlignment="1">
      <alignment horizontal="left"/>
    </xf>
    <xf numFmtId="0" fontId="16" fillId="0" borderId="9" xfId="0" applyFont="1" applyFill="1" applyBorder="1" applyAlignment="1">
      <alignment horizontal="center" vertical="center" shrinkToFit="1"/>
    </xf>
    <xf numFmtId="0" fontId="16" fillId="0" borderId="6" xfId="0" applyFont="1" applyFill="1" applyBorder="1" applyAlignment="1">
      <alignment horizontal="center" vertical="center" shrinkToFit="1"/>
    </xf>
    <xf numFmtId="0" fontId="16" fillId="0" borderId="55" xfId="0" applyFont="1" applyFill="1" applyBorder="1" applyAlignment="1">
      <alignment horizontal="center" vertical="center" shrinkToFit="1"/>
    </xf>
    <xf numFmtId="0" fontId="16" fillId="0" borderId="54" xfId="0" applyFont="1" applyFill="1" applyBorder="1" applyAlignment="1">
      <alignment horizontal="center" vertical="center" shrinkToFit="1"/>
    </xf>
    <xf numFmtId="0" fontId="16" fillId="0" borderId="46" xfId="0" applyFont="1" applyFill="1" applyBorder="1" applyAlignment="1">
      <alignment horizontal="center" vertical="center" shrinkToFit="1"/>
    </xf>
    <xf numFmtId="0" fontId="16" fillId="0" borderId="24" xfId="0" applyFont="1" applyFill="1" applyBorder="1" applyAlignment="1">
      <alignment horizontal="center" vertical="center" shrinkToFit="1"/>
    </xf>
  </cellXfs>
  <cellStyles count="12">
    <cellStyle name="パーセント 2" xfId="1"/>
    <cellStyle name="パーセント 2 2" xfId="8"/>
    <cellStyle name="ハイパーリンク" xfId="11" builtinId="8"/>
    <cellStyle name="桁区切り 2" xfId="2"/>
    <cellStyle name="桁区切り 2 2" xfId="5"/>
    <cellStyle name="桁区切り 3" xfId="6"/>
    <cellStyle name="桁区切り 4" xfId="10"/>
    <cellStyle name="標準" xfId="0" builtinId="0"/>
    <cellStyle name="標準 2" xfId="3"/>
    <cellStyle name="標準 2 2" xfId="4"/>
    <cellStyle name="標準 3" xfId="7"/>
    <cellStyle name="標準 4" xfId="9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2" name="角丸四角形 1"/>
        <xdr:cNvSpPr/>
      </xdr:nvSpPr>
      <xdr:spPr bwMode="auto">
        <a:xfrm>
          <a:off x="412749" y="19785854"/>
          <a:ext cx="5771947" cy="298113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3" name="角丸四角形 2"/>
        <xdr:cNvSpPr/>
      </xdr:nvSpPr>
      <xdr:spPr bwMode="auto">
        <a:xfrm>
          <a:off x="373529" y="9803277"/>
          <a:ext cx="5771947" cy="305585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4" name="角丸四角形 3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5" name="角丸四角形 4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6" name="角丸四角形 5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7" name="角丸四角形 6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8" name="角丸四角形 7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9" name="角丸四角形 8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10" name="角丸四角形 9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11" name="角丸四角形 10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46690</xdr:colOff>
      <xdr:row>95</xdr:row>
      <xdr:rowOff>18678</xdr:rowOff>
    </xdr:from>
    <xdr:to>
      <xdr:col>5</xdr:col>
      <xdr:colOff>536931</xdr:colOff>
      <xdr:row>96</xdr:row>
      <xdr:rowOff>152438</xdr:rowOff>
    </xdr:to>
    <xdr:sp macro="" textlink="">
      <xdr:nvSpPr>
        <xdr:cNvPr id="12" name="角丸四角形 11"/>
        <xdr:cNvSpPr/>
      </xdr:nvSpPr>
      <xdr:spPr bwMode="auto">
        <a:xfrm>
          <a:off x="412450" y="19693518"/>
          <a:ext cx="5778521" cy="301400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  <xdr:twoCellAnchor>
    <xdr:from>
      <xdr:col>2</xdr:col>
      <xdr:colOff>7470</xdr:colOff>
      <xdr:row>48</xdr:row>
      <xdr:rowOff>69101</xdr:rowOff>
    </xdr:from>
    <xdr:to>
      <xdr:col>5</xdr:col>
      <xdr:colOff>497711</xdr:colOff>
      <xdr:row>49</xdr:row>
      <xdr:rowOff>165509</xdr:rowOff>
    </xdr:to>
    <xdr:sp macro="" textlink="">
      <xdr:nvSpPr>
        <xdr:cNvPr id="13" name="角丸四角形 12"/>
        <xdr:cNvSpPr/>
      </xdr:nvSpPr>
      <xdr:spPr bwMode="auto">
        <a:xfrm>
          <a:off x="373230" y="9860801"/>
          <a:ext cx="5778521" cy="302148"/>
        </a:xfrm>
        <a:prstGeom prst="roundRect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1100">
              <a:solidFill>
                <a:sysClr val="windowText" lastClr="000000"/>
              </a:solidFill>
            </a:rPr>
            <a:t>「大規模小売店舗一覧」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1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大規模小売店舗立地法上の店舗一覧、</a:t>
          </a:r>
          <a:r>
            <a:rPr kumimoji="1" lang="en-US" altLang="ja-JP" sz="1100">
              <a:solidFill>
                <a:sysClr val="windowText" lastClr="000000"/>
              </a:solidFill>
              <a:latin typeface="+mn-ea"/>
              <a:ea typeface="+mn-ea"/>
            </a:rPr>
            <a:t>(2)</a:t>
          </a:r>
          <a:r>
            <a:rPr kumimoji="1" lang="ja-JP" altLang="en-US" sz="1100">
              <a:solidFill>
                <a:sysClr val="windowText" lastClr="000000"/>
              </a:solidFill>
              <a:latin typeface="+mn-ea"/>
              <a:ea typeface="+mn-ea"/>
            </a:rPr>
            <a:t>既存店一覧の順に記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1:J166"/>
  <sheetViews>
    <sheetView tabSelected="1" view="pageBreakPreview" topLeftCell="A112" zoomScale="115" zoomScaleNormal="100" zoomScaleSheetLayoutView="115" workbookViewId="0">
      <selection activeCell="H162" sqref="H162"/>
    </sheetView>
  </sheetViews>
  <sheetFormatPr defaultRowHeight="13.2" x14ac:dyDescent="0.2"/>
  <cols>
    <col min="1" max="1" width="2.44140625" style="4" customWidth="1"/>
    <col min="2" max="2" width="4.21875" style="4" customWidth="1"/>
    <col min="3" max="3" width="24.109375" style="4" customWidth="1"/>
    <col min="4" max="4" width="0.6640625" style="4" customWidth="1"/>
    <col min="5" max="5" width="42.21875" style="4" customWidth="1"/>
    <col min="6" max="6" width="0.6640625" style="4" customWidth="1"/>
    <col min="7" max="7" width="8.88671875" style="4" customWidth="1"/>
    <col min="8" max="8" width="44" style="4" customWidth="1"/>
    <col min="9" max="9" width="8.77734375" style="5" customWidth="1"/>
    <col min="10" max="16384" width="8.88671875" style="3"/>
  </cols>
  <sheetData>
    <row r="1" spans="1:8" x14ac:dyDescent="0.2">
      <c r="A1" s="205"/>
      <c r="B1" s="205"/>
      <c r="C1" s="205"/>
      <c r="D1" s="205"/>
      <c r="E1" s="205"/>
      <c r="F1" s="205"/>
      <c r="G1" s="205"/>
      <c r="H1" s="205"/>
    </row>
    <row r="2" spans="1:8" ht="23.4" x14ac:dyDescent="0.2">
      <c r="A2" s="206" t="s">
        <v>654</v>
      </c>
      <c r="B2" s="205"/>
      <c r="C2" s="205"/>
      <c r="D2" s="205"/>
      <c r="E2" s="205"/>
      <c r="F2" s="205"/>
      <c r="G2" s="207"/>
      <c r="H2" s="205"/>
    </row>
    <row r="3" spans="1:8" ht="19.8" x14ac:dyDescent="0.2">
      <c r="A3" s="208" t="s">
        <v>655</v>
      </c>
      <c r="B3" s="205"/>
      <c r="C3" s="205"/>
      <c r="D3" s="209"/>
      <c r="E3" s="209"/>
      <c r="F3" s="209"/>
      <c r="G3" s="207"/>
      <c r="H3" s="205"/>
    </row>
    <row r="4" spans="1:8" ht="14.4" customHeight="1" x14ac:dyDescent="0.2">
      <c r="A4" s="210"/>
      <c r="B4" s="205"/>
      <c r="C4" s="205"/>
      <c r="D4" s="209"/>
      <c r="E4" s="209"/>
      <c r="F4" s="209"/>
      <c r="G4" s="207"/>
      <c r="H4" s="205"/>
    </row>
    <row r="5" spans="1:8" ht="19.2" customHeight="1" x14ac:dyDescent="0.25">
      <c r="A5" s="211"/>
      <c r="B5" s="212" t="s">
        <v>495</v>
      </c>
      <c r="C5" s="213"/>
      <c r="D5" s="213"/>
      <c r="E5" s="214"/>
      <c r="F5" s="213"/>
      <c r="G5" s="215"/>
      <c r="H5" s="216" t="s">
        <v>879</v>
      </c>
    </row>
    <row r="6" spans="1:8" ht="16.5" customHeight="1" x14ac:dyDescent="0.2">
      <c r="A6" s="205"/>
      <c r="B6" s="318" t="s">
        <v>478</v>
      </c>
      <c r="C6" s="319"/>
      <c r="D6" s="217"/>
      <c r="E6" s="218" t="s">
        <v>477</v>
      </c>
      <c r="F6" s="217"/>
      <c r="G6" s="316" t="s">
        <v>476</v>
      </c>
      <c r="H6" s="317"/>
    </row>
    <row r="7" spans="1:8" ht="14.25" customHeight="1" x14ac:dyDescent="0.2">
      <c r="A7" s="205"/>
      <c r="B7" s="314">
        <v>4</v>
      </c>
      <c r="C7" s="219" t="s">
        <v>791</v>
      </c>
      <c r="D7" s="150"/>
      <c r="E7" s="48" t="s">
        <v>498</v>
      </c>
      <c r="F7" s="151"/>
      <c r="G7" s="152" t="s">
        <v>436</v>
      </c>
      <c r="H7" s="48" t="s">
        <v>656</v>
      </c>
    </row>
    <row r="8" spans="1:8" ht="14.25" customHeight="1" x14ac:dyDescent="0.2">
      <c r="A8" s="205"/>
      <c r="B8" s="315"/>
      <c r="C8" s="28" t="s">
        <v>792</v>
      </c>
      <c r="D8" s="29"/>
      <c r="E8" s="30" t="s">
        <v>496</v>
      </c>
      <c r="F8" s="31"/>
      <c r="G8" s="27" t="s">
        <v>0</v>
      </c>
      <c r="H8" s="30" t="s">
        <v>497</v>
      </c>
    </row>
    <row r="9" spans="1:8" ht="14.25" customHeight="1" x14ac:dyDescent="0.2">
      <c r="A9" s="205"/>
      <c r="B9" s="220"/>
      <c r="C9" s="28" t="s">
        <v>793</v>
      </c>
      <c r="D9" s="29"/>
      <c r="E9" s="30" t="s">
        <v>880</v>
      </c>
      <c r="F9" s="31"/>
      <c r="G9" s="27" t="s">
        <v>435</v>
      </c>
      <c r="H9" s="30" t="s">
        <v>881</v>
      </c>
    </row>
    <row r="10" spans="1:8" ht="14.25" customHeight="1" x14ac:dyDescent="0.2">
      <c r="A10" s="205"/>
      <c r="B10" s="220"/>
      <c r="C10" s="28" t="s">
        <v>794</v>
      </c>
      <c r="D10" s="29"/>
      <c r="E10" s="30" t="s">
        <v>499</v>
      </c>
      <c r="F10" s="31"/>
      <c r="G10" s="27" t="s">
        <v>500</v>
      </c>
      <c r="H10" s="30" t="s">
        <v>501</v>
      </c>
    </row>
    <row r="11" spans="1:8" ht="14.25" customHeight="1" x14ac:dyDescent="0.2">
      <c r="A11" s="205"/>
      <c r="B11" s="220"/>
      <c r="C11" s="28" t="s">
        <v>660</v>
      </c>
      <c r="D11" s="29"/>
      <c r="E11" s="30" t="s">
        <v>657</v>
      </c>
      <c r="F11" s="31"/>
      <c r="G11" s="27" t="s">
        <v>493</v>
      </c>
      <c r="H11" s="30" t="s">
        <v>882</v>
      </c>
    </row>
    <row r="12" spans="1:8" ht="14.25" customHeight="1" x14ac:dyDescent="0.2">
      <c r="A12" s="205"/>
      <c r="B12" s="220"/>
      <c r="C12" s="43" t="s">
        <v>795</v>
      </c>
      <c r="D12" s="19"/>
      <c r="E12" s="20" t="s">
        <v>511</v>
      </c>
      <c r="F12" s="21"/>
      <c r="G12" s="18" t="s">
        <v>490</v>
      </c>
      <c r="H12" s="20" t="s">
        <v>512</v>
      </c>
    </row>
    <row r="13" spans="1:8" ht="14.25" customHeight="1" x14ac:dyDescent="0.2">
      <c r="A13" s="205"/>
      <c r="B13" s="220"/>
      <c r="C13" s="28" t="s">
        <v>796</v>
      </c>
      <c r="D13" s="29"/>
      <c r="E13" s="30" t="s">
        <v>472</v>
      </c>
      <c r="F13" s="31"/>
      <c r="G13" s="27" t="s">
        <v>465</v>
      </c>
      <c r="H13" s="25" t="s">
        <v>471</v>
      </c>
    </row>
    <row r="14" spans="1:8" ht="14.25" customHeight="1" x14ac:dyDescent="0.2">
      <c r="A14" s="205"/>
      <c r="B14" s="220"/>
      <c r="C14" s="28" t="s">
        <v>580</v>
      </c>
      <c r="D14" s="29"/>
      <c r="E14" s="30" t="s">
        <v>503</v>
      </c>
      <c r="F14" s="31"/>
      <c r="G14" s="27" t="s">
        <v>436</v>
      </c>
      <c r="H14" s="30" t="s">
        <v>504</v>
      </c>
    </row>
    <row r="15" spans="1:8" ht="14.25" customHeight="1" x14ac:dyDescent="0.2">
      <c r="A15" s="205"/>
      <c r="B15" s="220"/>
      <c r="C15" s="23" t="s">
        <v>570</v>
      </c>
      <c r="D15" s="24"/>
      <c r="E15" s="25" t="s">
        <v>507</v>
      </c>
      <c r="F15" s="26"/>
      <c r="G15" s="27" t="s">
        <v>470</v>
      </c>
      <c r="H15" s="25" t="s">
        <v>508</v>
      </c>
    </row>
    <row r="16" spans="1:8" ht="14.25" customHeight="1" x14ac:dyDescent="0.2">
      <c r="A16" s="205"/>
      <c r="B16" s="221"/>
      <c r="C16" s="23" t="s">
        <v>658</v>
      </c>
      <c r="D16" s="24"/>
      <c r="E16" s="25" t="s">
        <v>509</v>
      </c>
      <c r="F16" s="26"/>
      <c r="G16" s="27" t="s">
        <v>435</v>
      </c>
      <c r="H16" s="25" t="s">
        <v>510</v>
      </c>
    </row>
    <row r="17" spans="1:8" ht="14.25" customHeight="1" x14ac:dyDescent="0.2">
      <c r="A17" s="205"/>
      <c r="B17" s="220"/>
      <c r="C17" s="222" t="s">
        <v>797</v>
      </c>
      <c r="D17" s="153"/>
      <c r="E17" s="62" t="s">
        <v>505</v>
      </c>
      <c r="F17" s="154"/>
      <c r="G17" s="61" t="s">
        <v>492</v>
      </c>
      <c r="H17" s="62" t="s">
        <v>506</v>
      </c>
    </row>
    <row r="18" spans="1:8" ht="14.25" customHeight="1" x14ac:dyDescent="0.2">
      <c r="A18" s="205"/>
      <c r="B18" s="320">
        <v>5</v>
      </c>
      <c r="C18" s="42" t="s">
        <v>660</v>
      </c>
      <c r="D18" s="24"/>
      <c r="E18" s="25" t="s">
        <v>661</v>
      </c>
      <c r="F18" s="26"/>
      <c r="G18" s="27" t="s">
        <v>662</v>
      </c>
      <c r="H18" s="25" t="s">
        <v>663</v>
      </c>
    </row>
    <row r="19" spans="1:8" ht="14.25" customHeight="1" x14ac:dyDescent="0.2">
      <c r="A19" s="205"/>
      <c r="B19" s="321"/>
      <c r="C19" s="155" t="s">
        <v>664</v>
      </c>
      <c r="D19" s="24"/>
      <c r="E19" s="25" t="s">
        <v>798</v>
      </c>
      <c r="F19" s="36"/>
      <c r="G19" s="27" t="s">
        <v>0</v>
      </c>
      <c r="H19" s="25" t="s">
        <v>665</v>
      </c>
    </row>
    <row r="20" spans="1:8" ht="14.25" customHeight="1" x14ac:dyDescent="0.2">
      <c r="A20" s="205"/>
      <c r="B20" s="223"/>
      <c r="C20" s="43" t="s">
        <v>799</v>
      </c>
      <c r="D20" s="19"/>
      <c r="E20" s="20" t="s">
        <v>513</v>
      </c>
      <c r="F20" s="21"/>
      <c r="G20" s="18" t="s">
        <v>659</v>
      </c>
      <c r="H20" s="20" t="s">
        <v>514</v>
      </c>
    </row>
    <row r="21" spans="1:8" ht="14.25" customHeight="1" x14ac:dyDescent="0.2">
      <c r="A21" s="205"/>
      <c r="B21" s="220"/>
      <c r="C21" s="28" t="s">
        <v>725</v>
      </c>
      <c r="D21" s="29"/>
      <c r="E21" s="30" t="s">
        <v>515</v>
      </c>
      <c r="F21" s="31"/>
      <c r="G21" s="27" t="s">
        <v>465</v>
      </c>
      <c r="H21" s="30" t="s">
        <v>494</v>
      </c>
    </row>
    <row r="22" spans="1:8" ht="14.25" customHeight="1" x14ac:dyDescent="0.2">
      <c r="A22" s="205"/>
      <c r="B22" s="220"/>
      <c r="C22" s="28" t="s">
        <v>800</v>
      </c>
      <c r="D22" s="29"/>
      <c r="E22" s="30" t="s">
        <v>801</v>
      </c>
      <c r="F22" s="31"/>
      <c r="G22" s="27" t="s">
        <v>1</v>
      </c>
      <c r="H22" s="25" t="s">
        <v>694</v>
      </c>
    </row>
    <row r="23" spans="1:8" ht="14.25" customHeight="1" x14ac:dyDescent="0.2">
      <c r="A23" s="205"/>
      <c r="B23" s="220"/>
      <c r="C23" s="28" t="s">
        <v>802</v>
      </c>
      <c r="D23" s="29"/>
      <c r="E23" s="30" t="s">
        <v>803</v>
      </c>
      <c r="F23" s="31"/>
      <c r="G23" s="27" t="s">
        <v>5</v>
      </c>
      <c r="H23" s="30" t="s">
        <v>804</v>
      </c>
    </row>
    <row r="24" spans="1:8" ht="14.25" customHeight="1" x14ac:dyDescent="0.2">
      <c r="A24" s="205"/>
      <c r="B24" s="220"/>
      <c r="C24" s="28" t="s">
        <v>805</v>
      </c>
      <c r="D24" s="29"/>
      <c r="E24" s="30" t="s">
        <v>525</v>
      </c>
      <c r="F24" s="31"/>
      <c r="G24" s="27" t="s">
        <v>470</v>
      </c>
      <c r="H24" s="30" t="s">
        <v>526</v>
      </c>
    </row>
    <row r="25" spans="1:8" ht="14.25" customHeight="1" x14ac:dyDescent="0.2">
      <c r="A25" s="205"/>
      <c r="B25" s="220"/>
      <c r="C25" s="23" t="s">
        <v>806</v>
      </c>
      <c r="D25" s="24"/>
      <c r="E25" s="25" t="s">
        <v>873</v>
      </c>
      <c r="F25" s="26"/>
      <c r="G25" s="27" t="s">
        <v>443</v>
      </c>
      <c r="H25" s="25" t="s">
        <v>516</v>
      </c>
    </row>
    <row r="26" spans="1:8" ht="14.25" customHeight="1" x14ac:dyDescent="0.2">
      <c r="A26" s="205"/>
      <c r="B26" s="220"/>
      <c r="C26" s="28" t="s">
        <v>807</v>
      </c>
      <c r="D26" s="29"/>
      <c r="E26" s="30" t="s">
        <v>521</v>
      </c>
      <c r="F26" s="31"/>
      <c r="G26" s="27" t="s">
        <v>435</v>
      </c>
      <c r="H26" s="30" t="s">
        <v>522</v>
      </c>
    </row>
    <row r="27" spans="1:8" ht="14.25" customHeight="1" x14ac:dyDescent="0.2">
      <c r="A27" s="205"/>
      <c r="B27" s="220"/>
      <c r="C27" s="23" t="s">
        <v>807</v>
      </c>
      <c r="D27" s="24"/>
      <c r="E27" s="25" t="s">
        <v>808</v>
      </c>
      <c r="F27" s="26"/>
      <c r="G27" s="27" t="s">
        <v>433</v>
      </c>
      <c r="H27" s="25" t="s">
        <v>809</v>
      </c>
    </row>
    <row r="28" spans="1:8" ht="14.25" customHeight="1" x14ac:dyDescent="0.2">
      <c r="A28" s="205"/>
      <c r="B28" s="220"/>
      <c r="C28" s="28" t="s">
        <v>810</v>
      </c>
      <c r="D28" s="29"/>
      <c r="E28" s="30" t="s">
        <v>523</v>
      </c>
      <c r="F28" s="31"/>
      <c r="G28" s="27" t="s">
        <v>454</v>
      </c>
      <c r="H28" s="30" t="s">
        <v>524</v>
      </c>
    </row>
    <row r="29" spans="1:8" ht="14.25" customHeight="1" x14ac:dyDescent="0.2">
      <c r="A29" s="205"/>
      <c r="B29" s="224"/>
      <c r="C29" s="225" t="s">
        <v>811</v>
      </c>
      <c r="D29" s="34" t="s">
        <v>726</v>
      </c>
      <c r="E29" s="35" t="s">
        <v>812</v>
      </c>
      <c r="F29" s="36"/>
      <c r="G29" s="18" t="s">
        <v>443</v>
      </c>
      <c r="H29" s="35" t="s">
        <v>516</v>
      </c>
    </row>
    <row r="30" spans="1:8" ht="14.25" customHeight="1" x14ac:dyDescent="0.2">
      <c r="A30" s="205"/>
      <c r="B30" s="220"/>
      <c r="C30" s="28" t="s">
        <v>687</v>
      </c>
      <c r="D30" s="29"/>
      <c r="E30" s="30" t="s">
        <v>518</v>
      </c>
      <c r="F30" s="31"/>
      <c r="G30" s="27" t="s">
        <v>493</v>
      </c>
      <c r="H30" s="226" t="s">
        <v>519</v>
      </c>
    </row>
    <row r="31" spans="1:8" ht="14.25" customHeight="1" x14ac:dyDescent="0.2">
      <c r="A31" s="205"/>
      <c r="B31" s="221"/>
      <c r="C31" s="37" t="s">
        <v>689</v>
      </c>
      <c r="D31" s="38"/>
      <c r="E31" s="46" t="s">
        <v>527</v>
      </c>
      <c r="F31" s="47"/>
      <c r="G31" s="152" t="s">
        <v>492</v>
      </c>
      <c r="H31" s="46" t="s">
        <v>506</v>
      </c>
    </row>
    <row r="32" spans="1:8" ht="14.25" customHeight="1" x14ac:dyDescent="0.2">
      <c r="A32" s="205"/>
      <c r="B32" s="227"/>
      <c r="C32" s="228" t="s">
        <v>813</v>
      </c>
      <c r="D32" s="40"/>
      <c r="E32" s="41" t="s">
        <v>528</v>
      </c>
      <c r="F32" s="229"/>
      <c r="G32" s="230" t="s">
        <v>454</v>
      </c>
      <c r="H32" s="41" t="s">
        <v>529</v>
      </c>
    </row>
    <row r="33" spans="1:10" ht="14.25" customHeight="1" x14ac:dyDescent="0.2">
      <c r="A33" s="205"/>
      <c r="B33" s="314" t="s">
        <v>667</v>
      </c>
      <c r="C33" s="28" t="s">
        <v>864</v>
      </c>
      <c r="D33" s="29"/>
      <c r="E33" s="30" t="s">
        <v>865</v>
      </c>
      <c r="F33" s="31"/>
      <c r="G33" s="27" t="s">
        <v>0</v>
      </c>
      <c r="H33" s="30" t="s">
        <v>872</v>
      </c>
    </row>
    <row r="34" spans="1:10" ht="14.25" customHeight="1" x14ac:dyDescent="0.2">
      <c r="A34" s="205"/>
      <c r="B34" s="315"/>
      <c r="C34" s="28" t="s">
        <v>814</v>
      </c>
      <c r="D34" s="29"/>
      <c r="E34" s="30" t="s">
        <v>863</v>
      </c>
      <c r="F34" s="31"/>
      <c r="G34" s="27" t="s">
        <v>480</v>
      </c>
      <c r="H34" s="30" t="s">
        <v>815</v>
      </c>
    </row>
    <row r="35" spans="1:10" ht="14.25" customHeight="1" x14ac:dyDescent="0.2">
      <c r="A35" s="205"/>
      <c r="B35" s="231"/>
      <c r="C35" s="232" t="s">
        <v>816</v>
      </c>
      <c r="D35" s="233"/>
      <c r="E35" s="52" t="s">
        <v>530</v>
      </c>
      <c r="F35" s="234"/>
      <c r="G35" s="60" t="s">
        <v>466</v>
      </c>
      <c r="H35" s="52" t="s">
        <v>531</v>
      </c>
    </row>
    <row r="36" spans="1:10" ht="14.25" customHeight="1" x14ac:dyDescent="0.2">
      <c r="A36" s="205"/>
      <c r="B36" s="220"/>
      <c r="C36" s="43" t="s">
        <v>867</v>
      </c>
      <c r="D36" s="19"/>
      <c r="E36" s="20" t="s">
        <v>866</v>
      </c>
      <c r="F36" s="21"/>
      <c r="G36" s="18" t="s">
        <v>436</v>
      </c>
      <c r="H36" s="20" t="s">
        <v>868</v>
      </c>
    </row>
    <row r="37" spans="1:10" ht="14.25" customHeight="1" x14ac:dyDescent="0.2">
      <c r="A37" s="205"/>
      <c r="B37" s="227"/>
      <c r="C37" s="228" t="s">
        <v>735</v>
      </c>
      <c r="D37" s="40"/>
      <c r="E37" s="41" t="s">
        <v>647</v>
      </c>
      <c r="F37" s="229"/>
      <c r="G37" s="230" t="s">
        <v>431</v>
      </c>
      <c r="H37" s="41" t="s">
        <v>430</v>
      </c>
    </row>
    <row r="38" spans="1:10" ht="14.25" customHeight="1" x14ac:dyDescent="0.2">
      <c r="A38" s="205"/>
      <c r="B38" s="314">
        <v>7</v>
      </c>
      <c r="C38" s="42" t="s">
        <v>883</v>
      </c>
      <c r="D38" s="235"/>
      <c r="E38" s="64" t="s">
        <v>535</v>
      </c>
      <c r="F38" s="236"/>
      <c r="G38" s="63" t="s">
        <v>490</v>
      </c>
      <c r="H38" s="64" t="s">
        <v>491</v>
      </c>
    </row>
    <row r="39" spans="1:10" ht="14.25" customHeight="1" x14ac:dyDescent="0.2">
      <c r="A39" s="205"/>
      <c r="B39" s="315"/>
      <c r="C39" s="43" t="s">
        <v>660</v>
      </c>
      <c r="D39" s="19"/>
      <c r="E39" s="20" t="s">
        <v>536</v>
      </c>
      <c r="F39" s="21"/>
      <c r="G39" s="237" t="s">
        <v>484</v>
      </c>
      <c r="H39" s="35" t="s">
        <v>489</v>
      </c>
    </row>
    <row r="40" spans="1:10" ht="14.25" customHeight="1" x14ac:dyDescent="0.2">
      <c r="A40" s="205"/>
      <c r="B40" s="220"/>
      <c r="C40" s="28" t="s">
        <v>817</v>
      </c>
      <c r="D40" s="29"/>
      <c r="E40" s="30" t="s">
        <v>869</v>
      </c>
      <c r="F40" s="31"/>
      <c r="G40" s="44" t="s">
        <v>460</v>
      </c>
      <c r="H40" s="25" t="s">
        <v>487</v>
      </c>
    </row>
    <row r="41" spans="1:10" ht="14.25" customHeight="1" x14ac:dyDescent="0.2">
      <c r="A41" s="205"/>
      <c r="B41" s="220"/>
      <c r="C41" s="28" t="s">
        <v>538</v>
      </c>
      <c r="D41" s="29"/>
      <c r="E41" s="30" t="s">
        <v>539</v>
      </c>
      <c r="F41" s="31"/>
      <c r="G41" s="44" t="s">
        <v>465</v>
      </c>
      <c r="H41" s="30" t="s">
        <v>488</v>
      </c>
      <c r="J41" s="5"/>
    </row>
    <row r="42" spans="1:10" ht="14.25" customHeight="1" x14ac:dyDescent="0.2">
      <c r="A42" s="205"/>
      <c r="B42" s="220"/>
      <c r="C42" s="28" t="s">
        <v>818</v>
      </c>
      <c r="D42" s="29"/>
      <c r="E42" s="30" t="s">
        <v>540</v>
      </c>
      <c r="F42" s="31"/>
      <c r="G42" s="44" t="s">
        <v>431</v>
      </c>
      <c r="H42" s="25" t="s">
        <v>541</v>
      </c>
    </row>
    <row r="43" spans="1:10" ht="14.25" customHeight="1" x14ac:dyDescent="0.2">
      <c r="A43" s="205"/>
      <c r="B43" s="220"/>
      <c r="C43" s="28" t="s">
        <v>819</v>
      </c>
      <c r="D43" s="29"/>
      <c r="E43" s="30" t="s">
        <v>670</v>
      </c>
      <c r="F43" s="31"/>
      <c r="G43" s="44" t="s">
        <v>0</v>
      </c>
      <c r="H43" s="30" t="s">
        <v>671</v>
      </c>
      <c r="J43" s="5"/>
    </row>
    <row r="44" spans="1:10" ht="14.25" customHeight="1" x14ac:dyDescent="0.2">
      <c r="A44" s="205"/>
      <c r="B44" s="220"/>
      <c r="C44" s="28" t="s">
        <v>820</v>
      </c>
      <c r="D44" s="29"/>
      <c r="E44" s="30" t="s">
        <v>672</v>
      </c>
      <c r="F44" s="31"/>
      <c r="G44" s="44" t="s">
        <v>0</v>
      </c>
      <c r="H44" s="30" t="s">
        <v>673</v>
      </c>
    </row>
    <row r="45" spans="1:10" ht="14.25" customHeight="1" x14ac:dyDescent="0.2">
      <c r="A45" s="205"/>
      <c r="B45" s="220"/>
      <c r="C45" s="28" t="s">
        <v>821</v>
      </c>
      <c r="D45" s="29"/>
      <c r="E45" s="30" t="s">
        <v>543</v>
      </c>
      <c r="F45" s="31"/>
      <c r="G45" s="44" t="s">
        <v>431</v>
      </c>
      <c r="H45" s="25" t="s">
        <v>517</v>
      </c>
    </row>
    <row r="46" spans="1:10" ht="14.25" customHeight="1" x14ac:dyDescent="0.2">
      <c r="A46" s="205"/>
      <c r="B46" s="220"/>
      <c r="C46" s="28" t="s">
        <v>822</v>
      </c>
      <c r="D46" s="29"/>
      <c r="E46" s="30" t="s">
        <v>544</v>
      </c>
      <c r="F46" s="31"/>
      <c r="G46" s="44" t="s">
        <v>460</v>
      </c>
      <c r="H46" s="30" t="s">
        <v>486</v>
      </c>
    </row>
    <row r="47" spans="1:10" ht="14.25" customHeight="1" x14ac:dyDescent="0.2">
      <c r="A47" s="205"/>
      <c r="B47" s="227"/>
      <c r="C47" s="228" t="s">
        <v>545</v>
      </c>
      <c r="D47" s="40"/>
      <c r="E47" s="41" t="s">
        <v>546</v>
      </c>
      <c r="F47" s="229"/>
      <c r="G47" s="238" t="s">
        <v>465</v>
      </c>
      <c r="H47" s="41" t="s">
        <v>485</v>
      </c>
    </row>
    <row r="48" spans="1:10" ht="14.25" customHeight="1" x14ac:dyDescent="0.2">
      <c r="A48" s="205" t="s">
        <v>674</v>
      </c>
      <c r="B48" s="315" t="s">
        <v>675</v>
      </c>
      <c r="C48" s="43" t="s">
        <v>650</v>
      </c>
      <c r="D48" s="19"/>
      <c r="E48" s="20" t="s">
        <v>676</v>
      </c>
      <c r="F48" s="21"/>
      <c r="G48" s="237" t="s">
        <v>727</v>
      </c>
      <c r="H48" s="35" t="s">
        <v>677</v>
      </c>
    </row>
    <row r="49" spans="1:10" ht="14.25" customHeight="1" x14ac:dyDescent="0.2">
      <c r="A49" s="205"/>
      <c r="B49" s="315"/>
      <c r="C49" s="28" t="s">
        <v>548</v>
      </c>
      <c r="D49" s="29"/>
      <c r="E49" s="30" t="s">
        <v>549</v>
      </c>
      <c r="F49" s="31"/>
      <c r="G49" s="44" t="s">
        <v>433</v>
      </c>
      <c r="H49" s="25" t="s">
        <v>550</v>
      </c>
    </row>
    <row r="50" spans="1:10" ht="14.25" customHeight="1" x14ac:dyDescent="0.2">
      <c r="A50" s="205"/>
      <c r="B50" s="220"/>
      <c r="C50" s="28" t="s">
        <v>678</v>
      </c>
      <c r="D50" s="29"/>
      <c r="E50" s="30" t="s">
        <v>551</v>
      </c>
      <c r="F50" s="31"/>
      <c r="G50" s="27" t="s">
        <v>454</v>
      </c>
      <c r="H50" s="25" t="s">
        <v>884</v>
      </c>
      <c r="J50" s="7"/>
    </row>
    <row r="51" spans="1:10" ht="14.25" customHeight="1" x14ac:dyDescent="0.2">
      <c r="A51" s="205"/>
      <c r="B51" s="220"/>
      <c r="C51" s="45" t="s">
        <v>552</v>
      </c>
      <c r="D51" s="29"/>
      <c r="E51" s="30" t="s">
        <v>553</v>
      </c>
      <c r="F51" s="31"/>
      <c r="G51" s="44" t="s">
        <v>433</v>
      </c>
      <c r="H51" s="25" t="s">
        <v>554</v>
      </c>
    </row>
    <row r="52" spans="1:10" ht="14.25" customHeight="1" x14ac:dyDescent="0.2">
      <c r="A52" s="205"/>
      <c r="B52" s="220"/>
      <c r="C52" s="28" t="s">
        <v>552</v>
      </c>
      <c r="D52" s="29"/>
      <c r="E52" s="30" t="s">
        <v>555</v>
      </c>
      <c r="F52" s="31"/>
      <c r="G52" s="44" t="s">
        <v>433</v>
      </c>
      <c r="H52" s="25" t="s">
        <v>556</v>
      </c>
    </row>
    <row r="53" spans="1:10" ht="14.25" customHeight="1" x14ac:dyDescent="0.2">
      <c r="A53" s="205"/>
      <c r="B53" s="220"/>
      <c r="C53" s="28" t="s">
        <v>664</v>
      </c>
      <c r="D53" s="29"/>
      <c r="E53" s="30" t="s">
        <v>679</v>
      </c>
      <c r="F53" s="31"/>
      <c r="G53" s="44" t="s">
        <v>454</v>
      </c>
      <c r="H53" s="25" t="s">
        <v>680</v>
      </c>
    </row>
    <row r="54" spans="1:10" ht="14.25" customHeight="1" x14ac:dyDescent="0.2">
      <c r="A54" s="205"/>
      <c r="B54" s="220"/>
      <c r="C54" s="37" t="s">
        <v>557</v>
      </c>
      <c r="D54" s="38"/>
      <c r="E54" s="46" t="s">
        <v>558</v>
      </c>
      <c r="F54" s="47"/>
      <c r="G54" s="152" t="s">
        <v>433</v>
      </c>
      <c r="H54" s="48" t="s">
        <v>559</v>
      </c>
    </row>
    <row r="55" spans="1:10" ht="14.25" customHeight="1" x14ac:dyDescent="0.2">
      <c r="A55" s="205"/>
      <c r="B55" s="221"/>
      <c r="C55" s="30" t="s">
        <v>870</v>
      </c>
      <c r="D55" s="29"/>
      <c r="E55" s="30" t="s">
        <v>823</v>
      </c>
      <c r="F55" s="31"/>
      <c r="G55" s="44" t="s">
        <v>1</v>
      </c>
      <c r="H55" s="25" t="s">
        <v>871</v>
      </c>
    </row>
    <row r="56" spans="1:10" ht="14.25" customHeight="1" x14ac:dyDescent="0.2">
      <c r="A56" s="205"/>
      <c r="B56" s="220"/>
      <c r="C56" s="28" t="s">
        <v>885</v>
      </c>
      <c r="D56" s="29"/>
      <c r="E56" s="30" t="s">
        <v>886</v>
      </c>
      <c r="F56" s="31"/>
      <c r="G56" s="44" t="s">
        <v>682</v>
      </c>
      <c r="H56" s="25" t="s">
        <v>683</v>
      </c>
    </row>
    <row r="57" spans="1:10" ht="14.25" customHeight="1" x14ac:dyDescent="0.2">
      <c r="A57" s="205"/>
      <c r="B57" s="220"/>
      <c r="C57" s="49" t="s">
        <v>560</v>
      </c>
      <c r="D57" s="50"/>
      <c r="E57" s="39" t="s">
        <v>561</v>
      </c>
      <c r="F57" s="59"/>
      <c r="G57" s="51" t="s">
        <v>433</v>
      </c>
      <c r="H57" s="52" t="s">
        <v>562</v>
      </c>
    </row>
    <row r="58" spans="1:10" ht="14.25" customHeight="1" x14ac:dyDescent="0.2">
      <c r="A58" s="205"/>
      <c r="B58" s="220"/>
      <c r="C58" s="28" t="s">
        <v>725</v>
      </c>
      <c r="D58" s="29"/>
      <c r="E58" s="30" t="s">
        <v>824</v>
      </c>
      <c r="F58" s="31"/>
      <c r="G58" s="44" t="s">
        <v>431</v>
      </c>
      <c r="H58" s="25" t="s">
        <v>517</v>
      </c>
    </row>
    <row r="59" spans="1:10" ht="14.25" customHeight="1" x14ac:dyDescent="0.2">
      <c r="A59" s="205"/>
      <c r="B59" s="220"/>
      <c r="C59" s="28" t="s">
        <v>887</v>
      </c>
      <c r="D59" s="29"/>
      <c r="E59" s="30" t="s">
        <v>542</v>
      </c>
      <c r="F59" s="31"/>
      <c r="G59" s="44" t="s">
        <v>1</v>
      </c>
      <c r="H59" s="30" t="s">
        <v>728</v>
      </c>
      <c r="J59" s="5"/>
    </row>
    <row r="60" spans="1:10" ht="14.25" customHeight="1" x14ac:dyDescent="0.2">
      <c r="A60" s="205"/>
      <c r="B60" s="231"/>
      <c r="C60" s="49" t="s">
        <v>888</v>
      </c>
      <c r="D60" s="50"/>
      <c r="E60" s="39" t="s">
        <v>547</v>
      </c>
      <c r="F60" s="50"/>
      <c r="G60" s="51" t="s">
        <v>3</v>
      </c>
      <c r="H60" s="52" t="s">
        <v>825</v>
      </c>
    </row>
    <row r="61" spans="1:10" ht="14.25" customHeight="1" x14ac:dyDescent="0.2">
      <c r="A61" s="205"/>
      <c r="B61" s="239"/>
      <c r="C61" s="49" t="s">
        <v>690</v>
      </c>
      <c r="D61" s="50"/>
      <c r="E61" s="39" t="s">
        <v>563</v>
      </c>
      <c r="F61" s="59"/>
      <c r="G61" s="51" t="s">
        <v>435</v>
      </c>
      <c r="H61" s="52" t="s">
        <v>564</v>
      </c>
    </row>
    <row r="62" spans="1:10" ht="14.25" customHeight="1" x14ac:dyDescent="0.2">
      <c r="A62" s="205"/>
      <c r="B62" s="220"/>
      <c r="C62" s="28" t="s">
        <v>537</v>
      </c>
      <c r="D62" s="29"/>
      <c r="E62" s="30" t="s">
        <v>565</v>
      </c>
      <c r="F62" s="31"/>
      <c r="G62" s="44" t="s">
        <v>465</v>
      </c>
      <c r="H62" s="25" t="s">
        <v>483</v>
      </c>
    </row>
    <row r="63" spans="1:10" ht="14.25" customHeight="1" x14ac:dyDescent="0.2">
      <c r="A63" s="205"/>
      <c r="B63" s="220"/>
      <c r="C63" s="53" t="s">
        <v>538</v>
      </c>
      <c r="D63" s="29"/>
      <c r="E63" s="30" t="s">
        <v>826</v>
      </c>
      <c r="F63" s="31"/>
      <c r="G63" s="44" t="s">
        <v>465</v>
      </c>
      <c r="H63" s="25" t="s">
        <v>482</v>
      </c>
    </row>
    <row r="64" spans="1:10" ht="14.25" customHeight="1" x14ac:dyDescent="0.2">
      <c r="A64" s="205"/>
      <c r="B64" s="220"/>
      <c r="C64" s="28" t="s">
        <v>566</v>
      </c>
      <c r="D64" s="29"/>
      <c r="E64" s="30" t="s">
        <v>567</v>
      </c>
      <c r="F64" s="31"/>
      <c r="G64" s="44" t="s">
        <v>465</v>
      </c>
      <c r="H64" s="25" t="s">
        <v>651</v>
      </c>
    </row>
    <row r="65" spans="1:8" ht="14.25" customHeight="1" x14ac:dyDescent="0.2">
      <c r="A65" s="205"/>
      <c r="B65" s="220"/>
      <c r="C65" s="28" t="s">
        <v>684</v>
      </c>
      <c r="D65" s="38"/>
      <c r="E65" s="20" t="s">
        <v>685</v>
      </c>
      <c r="F65" s="21"/>
      <c r="G65" s="44" t="s">
        <v>0</v>
      </c>
      <c r="H65" s="20" t="s">
        <v>686</v>
      </c>
    </row>
    <row r="66" spans="1:8" ht="14.25" customHeight="1" x14ac:dyDescent="0.2">
      <c r="A66" s="205"/>
      <c r="B66" s="220"/>
      <c r="C66" s="28" t="s">
        <v>827</v>
      </c>
      <c r="D66" s="29"/>
      <c r="E66" s="30" t="s">
        <v>568</v>
      </c>
      <c r="F66" s="31"/>
      <c r="G66" s="44" t="s">
        <v>463</v>
      </c>
      <c r="H66" s="25" t="s">
        <v>481</v>
      </c>
    </row>
    <row r="67" spans="1:8" ht="14.25" customHeight="1" x14ac:dyDescent="0.2">
      <c r="A67" s="205"/>
      <c r="B67" s="220"/>
      <c r="C67" s="28" t="s">
        <v>828</v>
      </c>
      <c r="D67" s="29"/>
      <c r="E67" s="30" t="s">
        <v>569</v>
      </c>
      <c r="F67" s="31"/>
      <c r="G67" s="44" t="s">
        <v>466</v>
      </c>
      <c r="H67" s="25" t="s">
        <v>228</v>
      </c>
    </row>
    <row r="68" spans="1:8" ht="14.25" customHeight="1" x14ac:dyDescent="0.2">
      <c r="A68" s="205"/>
      <c r="B68" s="220"/>
      <c r="C68" s="28" t="s">
        <v>687</v>
      </c>
      <c r="D68" s="29"/>
      <c r="E68" s="30" t="s">
        <v>527</v>
      </c>
      <c r="F68" s="31"/>
      <c r="G68" s="44" t="s">
        <v>460</v>
      </c>
      <c r="H68" s="25" t="s">
        <v>731</v>
      </c>
    </row>
    <row r="69" spans="1:8" ht="14.25" customHeight="1" x14ac:dyDescent="0.2">
      <c r="A69" s="205"/>
      <c r="B69" s="314" t="s">
        <v>732</v>
      </c>
      <c r="C69" s="54" t="s">
        <v>829</v>
      </c>
      <c r="D69" s="55"/>
      <c r="E69" s="56" t="s">
        <v>733</v>
      </c>
      <c r="F69" s="57"/>
      <c r="G69" s="58" t="s">
        <v>447</v>
      </c>
      <c r="H69" s="56" t="s">
        <v>576</v>
      </c>
    </row>
    <row r="70" spans="1:8" ht="14.25" customHeight="1" x14ac:dyDescent="0.2">
      <c r="A70" s="205"/>
      <c r="B70" s="315"/>
      <c r="C70" s="49" t="s">
        <v>830</v>
      </c>
      <c r="D70" s="50"/>
      <c r="E70" s="39" t="s">
        <v>571</v>
      </c>
      <c r="F70" s="59"/>
      <c r="G70" s="51" t="s">
        <v>831</v>
      </c>
      <c r="H70" s="52" t="s">
        <v>572</v>
      </c>
    </row>
    <row r="71" spans="1:8" ht="14.25" customHeight="1" x14ac:dyDescent="0.2">
      <c r="A71" s="205"/>
      <c r="B71" s="220"/>
      <c r="C71" s="28" t="s">
        <v>734</v>
      </c>
      <c r="D71" s="29"/>
      <c r="E71" s="30" t="s">
        <v>573</v>
      </c>
      <c r="F71" s="31"/>
      <c r="G71" s="44" t="s">
        <v>433</v>
      </c>
      <c r="H71" s="25" t="s">
        <v>574</v>
      </c>
    </row>
    <row r="72" spans="1:8" ht="14.25" customHeight="1" x14ac:dyDescent="0.2">
      <c r="A72" s="205"/>
      <c r="B72" s="231"/>
      <c r="C72" s="49" t="s">
        <v>874</v>
      </c>
      <c r="D72" s="50"/>
      <c r="E72" s="39" t="s">
        <v>875</v>
      </c>
      <c r="F72" s="59"/>
      <c r="G72" s="51" t="s">
        <v>443</v>
      </c>
      <c r="H72" s="52" t="s">
        <v>516</v>
      </c>
    </row>
    <row r="73" spans="1:8" ht="14.25" customHeight="1" x14ac:dyDescent="0.2">
      <c r="A73" s="205"/>
      <c r="B73" s="220"/>
      <c r="C73" s="28" t="s">
        <v>666</v>
      </c>
      <c r="D73" s="29"/>
      <c r="E73" s="30" t="s">
        <v>691</v>
      </c>
      <c r="F73" s="31"/>
      <c r="G73" s="44" t="s">
        <v>0</v>
      </c>
      <c r="H73" s="25" t="s">
        <v>692</v>
      </c>
    </row>
    <row r="74" spans="1:8" ht="14.25" customHeight="1" x14ac:dyDescent="0.2">
      <c r="A74" s="205"/>
      <c r="B74" s="221"/>
      <c r="C74" s="240" t="s">
        <v>666</v>
      </c>
      <c r="D74" s="50"/>
      <c r="E74" s="39" t="s">
        <v>832</v>
      </c>
      <c r="F74" s="59"/>
      <c r="G74" s="51" t="s">
        <v>831</v>
      </c>
      <c r="H74" s="52" t="s">
        <v>833</v>
      </c>
    </row>
    <row r="75" spans="1:8" ht="14.25" customHeight="1" x14ac:dyDescent="0.2">
      <c r="A75" s="205"/>
      <c r="B75" s="239"/>
      <c r="C75" s="49" t="s">
        <v>834</v>
      </c>
      <c r="D75" s="50"/>
      <c r="E75" s="39" t="s">
        <v>835</v>
      </c>
      <c r="F75" s="59"/>
      <c r="G75" s="51" t="s">
        <v>431</v>
      </c>
      <c r="H75" s="52" t="s">
        <v>202</v>
      </c>
    </row>
    <row r="76" spans="1:8" ht="14.25" customHeight="1" x14ac:dyDescent="0.2">
      <c r="A76" s="205"/>
      <c r="B76" s="239"/>
      <c r="C76" s="45" t="s">
        <v>724</v>
      </c>
      <c r="D76" s="29"/>
      <c r="E76" s="30" t="s">
        <v>647</v>
      </c>
      <c r="F76" s="31"/>
      <c r="G76" s="44" t="s">
        <v>431</v>
      </c>
      <c r="H76" s="25" t="s">
        <v>430</v>
      </c>
    </row>
    <row r="77" spans="1:8" ht="14.25" customHeight="1" x14ac:dyDescent="0.2">
      <c r="A77" s="205"/>
      <c r="B77" s="227"/>
      <c r="C77" s="241" t="s">
        <v>698</v>
      </c>
      <c r="D77" s="242"/>
      <c r="E77" s="243" t="s">
        <v>729</v>
      </c>
      <c r="F77" s="244"/>
      <c r="G77" s="245" t="s">
        <v>730</v>
      </c>
      <c r="H77" s="246" t="s">
        <v>688</v>
      </c>
    </row>
    <row r="78" spans="1:8" ht="14.25" customHeight="1" x14ac:dyDescent="0.2">
      <c r="A78" s="205"/>
      <c r="B78" s="247"/>
      <c r="C78" s="156"/>
      <c r="D78" s="21"/>
      <c r="E78" s="21"/>
      <c r="F78" s="21"/>
      <c r="G78" s="237"/>
      <c r="H78" s="36"/>
    </row>
    <row r="79" spans="1:8" ht="67.95" customHeight="1" x14ac:dyDescent="0.2">
      <c r="A79" s="205"/>
      <c r="B79" s="247"/>
      <c r="C79" s="21"/>
      <c r="D79" s="21"/>
      <c r="E79" s="21"/>
      <c r="F79" s="21"/>
      <c r="G79" s="237"/>
      <c r="H79" s="21"/>
    </row>
    <row r="80" spans="1:8" ht="19.2" x14ac:dyDescent="0.25">
      <c r="A80" s="211"/>
      <c r="B80" s="212" t="s">
        <v>479</v>
      </c>
      <c r="C80" s="213"/>
      <c r="D80" s="213"/>
      <c r="E80" s="248"/>
      <c r="F80" s="213"/>
      <c r="G80" s="215"/>
      <c r="H80" s="216"/>
    </row>
    <row r="81" spans="1:8" ht="16.5" customHeight="1" x14ac:dyDescent="0.2">
      <c r="A81" s="205"/>
      <c r="B81" s="318" t="s">
        <v>478</v>
      </c>
      <c r="C81" s="319"/>
      <c r="D81" s="217"/>
      <c r="E81" s="218" t="s">
        <v>477</v>
      </c>
      <c r="F81" s="217"/>
      <c r="G81" s="316" t="s">
        <v>476</v>
      </c>
      <c r="H81" s="317"/>
    </row>
    <row r="82" spans="1:8" ht="15.75" customHeight="1" x14ac:dyDescent="0.2">
      <c r="A82" s="205"/>
      <c r="B82" s="314" t="s">
        <v>736</v>
      </c>
      <c r="C82" s="28" t="s">
        <v>668</v>
      </c>
      <c r="D82" s="29"/>
      <c r="E82" s="30" t="s">
        <v>579</v>
      </c>
      <c r="F82" s="31"/>
      <c r="G82" s="27" t="s">
        <v>1</v>
      </c>
      <c r="H82" s="25" t="s">
        <v>473</v>
      </c>
    </row>
    <row r="83" spans="1:8" ht="15.75" customHeight="1" x14ac:dyDescent="0.2">
      <c r="A83" s="205"/>
      <c r="B83" s="315"/>
      <c r="C83" s="28" t="s">
        <v>475</v>
      </c>
      <c r="D83" s="29"/>
      <c r="E83" s="30" t="s">
        <v>578</v>
      </c>
      <c r="F83" s="31"/>
      <c r="G83" s="27" t="s">
        <v>4</v>
      </c>
      <c r="H83" s="25" t="s">
        <v>474</v>
      </c>
    </row>
    <row r="84" spans="1:8" ht="15.75" customHeight="1" x14ac:dyDescent="0.2">
      <c r="A84" s="205"/>
      <c r="B84" s="315"/>
      <c r="C84" s="28" t="s">
        <v>889</v>
      </c>
      <c r="D84" s="29"/>
      <c r="E84" s="30" t="s">
        <v>737</v>
      </c>
      <c r="F84" s="31"/>
      <c r="G84" s="27" t="s">
        <v>2</v>
      </c>
      <c r="H84" s="25"/>
    </row>
    <row r="85" spans="1:8" ht="15.75" customHeight="1" x14ac:dyDescent="0.2">
      <c r="A85" s="205"/>
      <c r="B85" s="224"/>
      <c r="C85" s="49" t="s">
        <v>693</v>
      </c>
      <c r="D85" s="50"/>
      <c r="E85" s="39" t="s">
        <v>577</v>
      </c>
      <c r="F85" s="50"/>
      <c r="G85" s="60" t="s">
        <v>0</v>
      </c>
      <c r="H85" s="52" t="s">
        <v>497</v>
      </c>
    </row>
    <row r="86" spans="1:8" ht="15.75" customHeight="1" x14ac:dyDescent="0.2">
      <c r="A86" s="205"/>
      <c r="B86" s="220"/>
      <c r="C86" s="23" t="s">
        <v>581</v>
      </c>
      <c r="D86" s="24"/>
      <c r="E86" s="25" t="s">
        <v>582</v>
      </c>
      <c r="F86" s="26"/>
      <c r="G86" s="27" t="s">
        <v>461</v>
      </c>
      <c r="H86" s="25" t="s">
        <v>583</v>
      </c>
    </row>
    <row r="87" spans="1:8" ht="15.75" customHeight="1" x14ac:dyDescent="0.2">
      <c r="A87" s="205"/>
      <c r="B87" s="220"/>
      <c r="C87" s="28" t="s">
        <v>836</v>
      </c>
      <c r="D87" s="29"/>
      <c r="E87" s="30" t="s">
        <v>584</v>
      </c>
      <c r="F87" s="31"/>
      <c r="G87" s="27" t="s">
        <v>1</v>
      </c>
      <c r="H87" s="25" t="s">
        <v>285</v>
      </c>
    </row>
    <row r="88" spans="1:8" ht="15.75" customHeight="1" x14ac:dyDescent="0.2">
      <c r="A88" s="205"/>
      <c r="B88" s="220"/>
      <c r="C88" s="28" t="s">
        <v>836</v>
      </c>
      <c r="D88" s="29"/>
      <c r="E88" s="30" t="s">
        <v>837</v>
      </c>
      <c r="F88" s="31"/>
      <c r="G88" s="27" t="s">
        <v>470</v>
      </c>
      <c r="H88" s="25" t="s">
        <v>257</v>
      </c>
    </row>
    <row r="89" spans="1:8" ht="15.75" customHeight="1" x14ac:dyDescent="0.2">
      <c r="A89" s="205"/>
      <c r="B89" s="220"/>
      <c r="C89" s="28" t="s">
        <v>588</v>
      </c>
      <c r="D89" s="29"/>
      <c r="E89" s="30" t="s">
        <v>589</v>
      </c>
      <c r="F89" s="31"/>
      <c r="G89" s="27" t="s">
        <v>3</v>
      </c>
      <c r="H89" s="30" t="s">
        <v>437</v>
      </c>
    </row>
    <row r="90" spans="1:8" ht="15.75" customHeight="1" x14ac:dyDescent="0.2">
      <c r="A90" s="205"/>
      <c r="B90" s="220"/>
      <c r="C90" s="43" t="s">
        <v>666</v>
      </c>
      <c r="D90" s="19"/>
      <c r="E90" s="20" t="s">
        <v>695</v>
      </c>
      <c r="F90" s="21"/>
      <c r="G90" s="18" t="s">
        <v>696</v>
      </c>
      <c r="H90" s="35" t="s">
        <v>697</v>
      </c>
    </row>
    <row r="91" spans="1:8" ht="15.75" customHeight="1" x14ac:dyDescent="0.2">
      <c r="A91" s="205"/>
      <c r="B91" s="220"/>
      <c r="C91" s="28" t="s">
        <v>838</v>
      </c>
      <c r="D91" s="29"/>
      <c r="E91" s="30" t="s">
        <v>585</v>
      </c>
      <c r="F91" s="31"/>
      <c r="G91" s="27" t="s">
        <v>465</v>
      </c>
      <c r="H91" s="25" t="s">
        <v>469</v>
      </c>
    </row>
    <row r="92" spans="1:8" x14ac:dyDescent="0.2">
      <c r="A92" s="205"/>
      <c r="B92" s="220"/>
      <c r="C92" s="37" t="s">
        <v>839</v>
      </c>
      <c r="D92" s="38"/>
      <c r="E92" s="46" t="s">
        <v>533</v>
      </c>
      <c r="F92" s="47"/>
      <c r="G92" s="152" t="s">
        <v>431</v>
      </c>
      <c r="H92" s="48" t="s">
        <v>430</v>
      </c>
    </row>
    <row r="93" spans="1:8" ht="15.75" customHeight="1" x14ac:dyDescent="0.2">
      <c r="A93" s="205"/>
      <c r="B93" s="220"/>
      <c r="C93" s="28" t="s">
        <v>840</v>
      </c>
      <c r="D93" s="29"/>
      <c r="E93" s="30" t="s">
        <v>587</v>
      </c>
      <c r="F93" s="29"/>
      <c r="G93" s="27" t="s">
        <v>443</v>
      </c>
      <c r="H93" s="25" t="s">
        <v>444</v>
      </c>
    </row>
    <row r="94" spans="1:8" ht="15.75" customHeight="1" x14ac:dyDescent="0.2">
      <c r="A94" s="205"/>
      <c r="B94" s="314" t="s">
        <v>738</v>
      </c>
      <c r="C94" s="54" t="s">
        <v>468</v>
      </c>
      <c r="D94" s="55"/>
      <c r="E94" s="56" t="s">
        <v>590</v>
      </c>
      <c r="F94" s="55"/>
      <c r="G94" s="63" t="s">
        <v>3</v>
      </c>
      <c r="H94" s="64" t="s">
        <v>591</v>
      </c>
    </row>
    <row r="95" spans="1:8" ht="15.75" customHeight="1" x14ac:dyDescent="0.2">
      <c r="A95" s="205"/>
      <c r="B95" s="315"/>
      <c r="C95" s="28" t="s">
        <v>468</v>
      </c>
      <c r="D95" s="29"/>
      <c r="E95" s="30" t="s">
        <v>890</v>
      </c>
      <c r="F95" s="29"/>
      <c r="G95" s="27" t="s">
        <v>3</v>
      </c>
      <c r="H95" s="25" t="s">
        <v>592</v>
      </c>
    </row>
    <row r="96" spans="1:8" ht="15.75" customHeight="1" x14ac:dyDescent="0.2">
      <c r="A96" s="205"/>
      <c r="B96" s="220"/>
      <c r="C96" s="28" t="s">
        <v>452</v>
      </c>
      <c r="D96" s="29"/>
      <c r="E96" s="30" t="s">
        <v>595</v>
      </c>
      <c r="F96" s="31"/>
      <c r="G96" s="27" t="s">
        <v>461</v>
      </c>
      <c r="H96" s="25" t="s">
        <v>596</v>
      </c>
    </row>
    <row r="97" spans="1:8" ht="15.75" customHeight="1" x14ac:dyDescent="0.2">
      <c r="A97" s="205"/>
      <c r="B97" s="220"/>
      <c r="C97" s="28" t="s">
        <v>452</v>
      </c>
      <c r="D97" s="29"/>
      <c r="E97" s="30" t="s">
        <v>467</v>
      </c>
      <c r="F97" s="31"/>
      <c r="G97" s="27" t="s">
        <v>466</v>
      </c>
      <c r="H97" s="25" t="s">
        <v>446</v>
      </c>
    </row>
    <row r="98" spans="1:8" ht="15.75" customHeight="1" x14ac:dyDescent="0.2">
      <c r="A98" s="205"/>
      <c r="B98" s="220"/>
      <c r="C98" s="28" t="s">
        <v>452</v>
      </c>
      <c r="D98" s="29"/>
      <c r="E98" s="30" t="s">
        <v>597</v>
      </c>
      <c r="F98" s="31"/>
      <c r="G98" s="27" t="s">
        <v>465</v>
      </c>
      <c r="H98" s="25" t="s">
        <v>464</v>
      </c>
    </row>
    <row r="99" spans="1:8" x14ac:dyDescent="0.2">
      <c r="A99" s="205"/>
      <c r="B99" s="220"/>
      <c r="C99" s="43" t="s">
        <v>593</v>
      </c>
      <c r="D99" s="19"/>
      <c r="E99" s="20" t="s">
        <v>594</v>
      </c>
      <c r="F99" s="21"/>
      <c r="G99" s="18" t="s">
        <v>448</v>
      </c>
      <c r="H99" s="35" t="s">
        <v>739</v>
      </c>
    </row>
    <row r="100" spans="1:8" ht="15.75" customHeight="1" x14ac:dyDescent="0.2">
      <c r="A100" s="205"/>
      <c r="B100" s="220"/>
      <c r="C100" s="249" t="s">
        <v>841</v>
      </c>
      <c r="D100" s="250"/>
      <c r="E100" s="251" t="s">
        <v>842</v>
      </c>
      <c r="F100" s="252"/>
      <c r="G100" s="253" t="s">
        <v>699</v>
      </c>
      <c r="H100" s="254" t="s">
        <v>843</v>
      </c>
    </row>
    <row r="101" spans="1:8" ht="15.75" customHeight="1" x14ac:dyDescent="0.2">
      <c r="A101" s="205"/>
      <c r="B101" s="220"/>
      <c r="C101" s="28" t="s">
        <v>844</v>
      </c>
      <c r="D101" s="29"/>
      <c r="E101" s="30" t="s">
        <v>598</v>
      </c>
      <c r="F101" s="31"/>
      <c r="G101" s="27" t="s">
        <v>448</v>
      </c>
      <c r="H101" s="25" t="s">
        <v>700</v>
      </c>
    </row>
    <row r="102" spans="1:8" ht="15.75" customHeight="1" x14ac:dyDescent="0.2">
      <c r="A102" s="205"/>
      <c r="B102" s="220"/>
      <c r="C102" s="28" t="s">
        <v>844</v>
      </c>
      <c r="D102" s="29"/>
      <c r="E102" s="30" t="s">
        <v>599</v>
      </c>
      <c r="F102" s="31"/>
      <c r="G102" s="27" t="s">
        <v>448</v>
      </c>
      <c r="H102" s="25" t="s">
        <v>497</v>
      </c>
    </row>
    <row r="103" spans="1:8" ht="15.75" customHeight="1" x14ac:dyDescent="0.2">
      <c r="A103" s="205"/>
      <c r="B103" s="220"/>
      <c r="C103" s="28" t="s">
        <v>604</v>
      </c>
      <c r="D103" s="29"/>
      <c r="E103" s="30" t="s">
        <v>605</v>
      </c>
      <c r="F103" s="31"/>
      <c r="G103" s="27" t="s">
        <v>436</v>
      </c>
      <c r="H103" s="25" t="s">
        <v>449</v>
      </c>
    </row>
    <row r="104" spans="1:8" ht="15.75" customHeight="1" x14ac:dyDescent="0.2">
      <c r="A104" s="205"/>
      <c r="B104" s="220"/>
      <c r="C104" s="28" t="s">
        <v>520</v>
      </c>
      <c r="D104" s="29"/>
      <c r="E104" s="30" t="s">
        <v>602</v>
      </c>
      <c r="F104" s="31"/>
      <c r="G104" s="27" t="s">
        <v>435</v>
      </c>
      <c r="H104" s="25" t="s">
        <v>502</v>
      </c>
    </row>
    <row r="105" spans="1:8" ht="15.75" customHeight="1" x14ac:dyDescent="0.2">
      <c r="A105" s="205"/>
      <c r="B105" s="220"/>
      <c r="C105" s="28" t="s">
        <v>845</v>
      </c>
      <c r="D105" s="29"/>
      <c r="E105" s="30" t="s">
        <v>607</v>
      </c>
      <c r="F105" s="31"/>
      <c r="G105" s="27" t="s">
        <v>463</v>
      </c>
      <c r="H105" s="25" t="s">
        <v>462</v>
      </c>
    </row>
    <row r="106" spans="1:8" ht="15.75" customHeight="1" x14ac:dyDescent="0.2">
      <c r="A106" s="205"/>
      <c r="B106" s="220"/>
      <c r="C106" s="28" t="s">
        <v>669</v>
      </c>
      <c r="D106" s="29"/>
      <c r="E106" s="30" t="s">
        <v>740</v>
      </c>
      <c r="F106" s="31"/>
      <c r="G106" s="27" t="s">
        <v>435</v>
      </c>
      <c r="H106" s="25" t="s">
        <v>603</v>
      </c>
    </row>
    <row r="107" spans="1:8" ht="15.75" customHeight="1" x14ac:dyDescent="0.2">
      <c r="A107" s="205"/>
      <c r="B107" s="220"/>
      <c r="C107" s="28" t="s">
        <v>669</v>
      </c>
      <c r="D107" s="29"/>
      <c r="E107" s="30" t="s">
        <v>533</v>
      </c>
      <c r="F107" s="31"/>
      <c r="G107" s="27" t="s">
        <v>431</v>
      </c>
      <c r="H107" s="25" t="s">
        <v>430</v>
      </c>
    </row>
    <row r="108" spans="1:8" ht="15.75" customHeight="1" x14ac:dyDescent="0.2">
      <c r="A108" s="205"/>
      <c r="B108" s="220"/>
      <c r="C108" s="28" t="s">
        <v>608</v>
      </c>
      <c r="D108" s="29"/>
      <c r="E108" s="30" t="s">
        <v>609</v>
      </c>
      <c r="F108" s="31"/>
      <c r="G108" s="27" t="s">
        <v>610</v>
      </c>
      <c r="H108" s="25" t="s">
        <v>255</v>
      </c>
    </row>
    <row r="109" spans="1:8" ht="15.75" customHeight="1" x14ac:dyDescent="0.2">
      <c r="A109" s="205"/>
      <c r="B109" s="220"/>
      <c r="C109" s="43" t="s">
        <v>741</v>
      </c>
      <c r="D109" s="19"/>
      <c r="E109" s="20" t="s">
        <v>600</v>
      </c>
      <c r="F109" s="21"/>
      <c r="G109" s="18" t="s">
        <v>435</v>
      </c>
      <c r="H109" s="35" t="s">
        <v>601</v>
      </c>
    </row>
    <row r="110" spans="1:8" ht="15.75" customHeight="1" x14ac:dyDescent="0.2">
      <c r="A110" s="205"/>
      <c r="B110" s="314">
        <v>12</v>
      </c>
      <c r="C110" s="54" t="s">
        <v>681</v>
      </c>
      <c r="D110" s="55"/>
      <c r="E110" s="56" t="s">
        <v>701</v>
      </c>
      <c r="F110" s="57"/>
      <c r="G110" s="63" t="s">
        <v>0</v>
      </c>
      <c r="H110" s="64" t="s">
        <v>702</v>
      </c>
    </row>
    <row r="111" spans="1:8" ht="15.75" customHeight="1" x14ac:dyDescent="0.2">
      <c r="A111" s="205"/>
      <c r="B111" s="315"/>
      <c r="C111" s="49" t="s">
        <v>703</v>
      </c>
      <c r="D111" s="50"/>
      <c r="E111" s="39" t="s">
        <v>704</v>
      </c>
      <c r="F111" s="59"/>
      <c r="G111" s="60" t="s">
        <v>0</v>
      </c>
      <c r="H111" s="52" t="s">
        <v>705</v>
      </c>
    </row>
    <row r="112" spans="1:8" ht="15.75" customHeight="1" x14ac:dyDescent="0.2">
      <c r="A112" s="205"/>
      <c r="B112" s="231"/>
      <c r="C112" s="45" t="s">
        <v>846</v>
      </c>
      <c r="D112" s="29"/>
      <c r="E112" s="30" t="s">
        <v>533</v>
      </c>
      <c r="F112" s="31"/>
      <c r="G112" s="27" t="s">
        <v>460</v>
      </c>
      <c r="H112" s="30" t="s">
        <v>506</v>
      </c>
    </row>
    <row r="113" spans="1:8" ht="15.75" customHeight="1" x14ac:dyDescent="0.2">
      <c r="A113" s="205"/>
      <c r="B113" s="224"/>
      <c r="C113" s="43" t="s">
        <v>586</v>
      </c>
      <c r="D113" s="19"/>
      <c r="E113" s="20" t="s">
        <v>706</v>
      </c>
      <c r="F113" s="21"/>
      <c r="G113" s="18" t="s">
        <v>0</v>
      </c>
      <c r="H113" s="35" t="s">
        <v>707</v>
      </c>
    </row>
    <row r="114" spans="1:8" ht="15.75" customHeight="1" x14ac:dyDescent="0.2">
      <c r="A114" s="205"/>
      <c r="B114" s="314">
        <v>1</v>
      </c>
      <c r="C114" s="65" t="s">
        <v>611</v>
      </c>
      <c r="D114" s="66"/>
      <c r="E114" s="67" t="s">
        <v>612</v>
      </c>
      <c r="F114" s="68"/>
      <c r="G114" s="22" t="s">
        <v>433</v>
      </c>
      <c r="H114" s="69" t="s">
        <v>459</v>
      </c>
    </row>
    <row r="115" spans="1:8" ht="15.75" customHeight="1" x14ac:dyDescent="0.2">
      <c r="A115" s="205"/>
      <c r="B115" s="315"/>
      <c r="C115" s="70" t="s">
        <v>613</v>
      </c>
      <c r="D115" s="71"/>
      <c r="E115" s="72" t="s">
        <v>614</v>
      </c>
      <c r="F115" s="73"/>
      <c r="G115" s="74" t="s">
        <v>433</v>
      </c>
      <c r="H115" s="25" t="s">
        <v>458</v>
      </c>
    </row>
    <row r="116" spans="1:8" ht="15.75" customHeight="1" x14ac:dyDescent="0.2">
      <c r="A116" s="205"/>
      <c r="B116" s="255"/>
      <c r="C116" s="70" t="s">
        <v>457</v>
      </c>
      <c r="D116" s="71"/>
      <c r="E116" s="72" t="s">
        <v>615</v>
      </c>
      <c r="F116" s="73"/>
      <c r="G116" s="74" t="s">
        <v>436</v>
      </c>
      <c r="H116" s="25" t="s">
        <v>456</v>
      </c>
    </row>
    <row r="117" spans="1:8" ht="15.75" customHeight="1" x14ac:dyDescent="0.2">
      <c r="A117" s="205"/>
      <c r="B117" s="220"/>
      <c r="C117" s="70" t="s">
        <v>847</v>
      </c>
      <c r="D117" s="75"/>
      <c r="E117" s="76" t="s">
        <v>616</v>
      </c>
      <c r="F117" s="77"/>
      <c r="G117" s="27" t="s">
        <v>443</v>
      </c>
      <c r="H117" s="25" t="s">
        <v>848</v>
      </c>
    </row>
    <row r="118" spans="1:8" ht="15.75" customHeight="1" x14ac:dyDescent="0.2">
      <c r="A118" s="205"/>
      <c r="B118" s="256"/>
      <c r="C118" s="257" t="s">
        <v>849</v>
      </c>
      <c r="D118" s="78"/>
      <c r="E118" s="79" t="s">
        <v>533</v>
      </c>
      <c r="F118" s="80"/>
      <c r="G118" s="61" t="s">
        <v>431</v>
      </c>
      <c r="H118" s="62" t="s">
        <v>430</v>
      </c>
    </row>
    <row r="119" spans="1:8" ht="15.75" customHeight="1" x14ac:dyDescent="0.2">
      <c r="A119" s="205"/>
      <c r="B119" s="314" t="s">
        <v>742</v>
      </c>
      <c r="C119" s="81" t="s">
        <v>743</v>
      </c>
      <c r="D119" s="82"/>
      <c r="E119" s="83" t="s">
        <v>617</v>
      </c>
      <c r="F119" s="84"/>
      <c r="G119" s="18" t="s">
        <v>448</v>
      </c>
      <c r="H119" s="35" t="s">
        <v>455</v>
      </c>
    </row>
    <row r="120" spans="1:8" ht="15.75" customHeight="1" x14ac:dyDescent="0.2">
      <c r="A120" s="205"/>
      <c r="B120" s="315"/>
      <c r="C120" s="70" t="s">
        <v>744</v>
      </c>
      <c r="D120" s="24"/>
      <c r="E120" s="25" t="s">
        <v>618</v>
      </c>
      <c r="F120" s="26"/>
      <c r="G120" s="27" t="s">
        <v>454</v>
      </c>
      <c r="H120" s="25" t="s">
        <v>453</v>
      </c>
    </row>
    <row r="121" spans="1:8" ht="15.75" customHeight="1" x14ac:dyDescent="0.2">
      <c r="A121" s="205"/>
      <c r="B121" s="255"/>
      <c r="C121" s="70" t="s">
        <v>452</v>
      </c>
      <c r="D121" s="85"/>
      <c r="E121" s="86" t="s">
        <v>619</v>
      </c>
      <c r="F121" s="87"/>
      <c r="G121" s="74" t="s">
        <v>433</v>
      </c>
      <c r="H121" s="25" t="s">
        <v>451</v>
      </c>
    </row>
    <row r="122" spans="1:8" ht="15.75" customHeight="1" x14ac:dyDescent="0.2">
      <c r="A122" s="205"/>
      <c r="B122" s="255"/>
      <c r="C122" s="70" t="s">
        <v>450</v>
      </c>
      <c r="D122" s="85"/>
      <c r="E122" s="86" t="s">
        <v>620</v>
      </c>
      <c r="F122" s="87"/>
      <c r="G122" s="74" t="s">
        <v>436</v>
      </c>
      <c r="H122" s="25" t="s">
        <v>449</v>
      </c>
    </row>
    <row r="123" spans="1:8" ht="15.75" customHeight="1" x14ac:dyDescent="0.2">
      <c r="A123" s="205"/>
      <c r="B123" s="220"/>
      <c r="C123" s="70" t="s">
        <v>621</v>
      </c>
      <c r="D123" s="75"/>
      <c r="E123" s="76" t="s">
        <v>622</v>
      </c>
      <c r="F123" s="77"/>
      <c r="G123" s="27" t="s">
        <v>447</v>
      </c>
      <c r="H123" s="25" t="s">
        <v>446</v>
      </c>
    </row>
    <row r="124" spans="1:8" ht="15.75" customHeight="1" x14ac:dyDescent="0.2">
      <c r="A124" s="205"/>
      <c r="B124" s="255"/>
      <c r="C124" s="81" t="s">
        <v>624</v>
      </c>
      <c r="D124" s="88"/>
      <c r="E124" s="89" t="s">
        <v>625</v>
      </c>
      <c r="F124" s="90"/>
      <c r="G124" s="91" t="s">
        <v>3</v>
      </c>
      <c r="H124" s="35" t="s">
        <v>445</v>
      </c>
    </row>
    <row r="125" spans="1:8" ht="15.75" customHeight="1" x14ac:dyDescent="0.2">
      <c r="A125" s="205"/>
      <c r="B125" s="220"/>
      <c r="C125" s="70" t="s">
        <v>606</v>
      </c>
      <c r="D125" s="75"/>
      <c r="E125" s="76" t="s">
        <v>623</v>
      </c>
      <c r="F125" s="77"/>
      <c r="G125" s="27" t="s">
        <v>443</v>
      </c>
      <c r="H125" s="25" t="s">
        <v>850</v>
      </c>
    </row>
    <row r="126" spans="1:8" ht="15.75" customHeight="1" x14ac:dyDescent="0.2">
      <c r="A126" s="205"/>
      <c r="B126" s="220"/>
      <c r="C126" s="28" t="s">
        <v>735</v>
      </c>
      <c r="D126" s="24"/>
      <c r="E126" s="25" t="s">
        <v>533</v>
      </c>
      <c r="F126" s="26"/>
      <c r="G126" s="27" t="s">
        <v>431</v>
      </c>
      <c r="H126" s="25" t="s">
        <v>430</v>
      </c>
    </row>
    <row r="127" spans="1:8" ht="15.75" customHeight="1" x14ac:dyDescent="0.2">
      <c r="A127" s="205"/>
      <c r="B127" s="255"/>
      <c r="C127" s="70" t="s">
        <v>575</v>
      </c>
      <c r="D127" s="71"/>
      <c r="E127" s="72" t="s">
        <v>626</v>
      </c>
      <c r="F127" s="73"/>
      <c r="G127" s="74" t="s">
        <v>443</v>
      </c>
      <c r="H127" s="25" t="s">
        <v>442</v>
      </c>
    </row>
    <row r="128" spans="1:8" ht="15.75" customHeight="1" x14ac:dyDescent="0.2">
      <c r="A128" s="205"/>
      <c r="B128" s="312" t="s">
        <v>745</v>
      </c>
      <c r="C128" s="92" t="s">
        <v>441</v>
      </c>
      <c r="D128" s="93"/>
      <c r="E128" s="94" t="s">
        <v>627</v>
      </c>
      <c r="F128" s="95"/>
      <c r="G128" s="96" t="s">
        <v>3</v>
      </c>
      <c r="H128" s="64" t="s">
        <v>440</v>
      </c>
    </row>
    <row r="129" spans="1:8" ht="15.75" customHeight="1" x14ac:dyDescent="0.2">
      <c r="A129" s="205"/>
      <c r="B129" s="313"/>
      <c r="C129" s="258" t="s">
        <v>851</v>
      </c>
      <c r="D129" s="97"/>
      <c r="E129" s="98" t="s">
        <v>628</v>
      </c>
      <c r="F129" s="99"/>
      <c r="G129" s="60" t="s">
        <v>3</v>
      </c>
      <c r="H129" s="52" t="s">
        <v>878</v>
      </c>
    </row>
    <row r="130" spans="1:8" ht="15.75" customHeight="1" x14ac:dyDescent="0.2">
      <c r="A130" s="205"/>
      <c r="B130" s="255"/>
      <c r="C130" s="100" t="s">
        <v>852</v>
      </c>
      <c r="D130" s="71"/>
      <c r="E130" s="72" t="s">
        <v>629</v>
      </c>
      <c r="F130" s="73"/>
      <c r="G130" s="74" t="s">
        <v>3</v>
      </c>
      <c r="H130" s="25" t="s">
        <v>439</v>
      </c>
    </row>
    <row r="131" spans="1:8" ht="15.75" customHeight="1" x14ac:dyDescent="0.2">
      <c r="A131" s="205"/>
      <c r="B131" s="255"/>
      <c r="C131" s="100" t="s">
        <v>852</v>
      </c>
      <c r="D131" s="71"/>
      <c r="E131" s="72" t="s">
        <v>630</v>
      </c>
      <c r="F131" s="73"/>
      <c r="G131" s="74" t="s">
        <v>3</v>
      </c>
      <c r="H131" s="25" t="s">
        <v>438</v>
      </c>
    </row>
    <row r="132" spans="1:8" ht="15.75" customHeight="1" x14ac:dyDescent="0.2">
      <c r="A132" s="205"/>
      <c r="B132" s="220"/>
      <c r="C132" s="100" t="s">
        <v>534</v>
      </c>
      <c r="D132" s="75"/>
      <c r="E132" s="76" t="s">
        <v>632</v>
      </c>
      <c r="F132" s="77"/>
      <c r="G132" s="27" t="s">
        <v>448</v>
      </c>
      <c r="H132" s="25" t="s">
        <v>633</v>
      </c>
    </row>
    <row r="133" spans="1:8" ht="15.75" customHeight="1" x14ac:dyDescent="0.2">
      <c r="A133" s="205"/>
      <c r="B133" s="220"/>
      <c r="C133" s="100" t="s">
        <v>634</v>
      </c>
      <c r="D133" s="75"/>
      <c r="E133" s="76" t="s">
        <v>635</v>
      </c>
      <c r="F133" s="77"/>
      <c r="G133" s="27" t="s">
        <v>0</v>
      </c>
      <c r="H133" s="25" t="s">
        <v>708</v>
      </c>
    </row>
    <row r="134" spans="1:8" ht="16.05" customHeight="1" x14ac:dyDescent="0.2">
      <c r="A134" s="205"/>
      <c r="B134" s="220"/>
      <c r="C134" s="100" t="s">
        <v>636</v>
      </c>
      <c r="D134" s="75"/>
      <c r="E134" s="76" t="s">
        <v>637</v>
      </c>
      <c r="F134" s="77"/>
      <c r="G134" s="27" t="s">
        <v>3</v>
      </c>
      <c r="H134" s="25" t="s">
        <v>437</v>
      </c>
    </row>
    <row r="135" spans="1:8" ht="15.75" customHeight="1" x14ac:dyDescent="0.2">
      <c r="A135" s="205"/>
      <c r="B135" s="220"/>
      <c r="C135" s="100" t="s">
        <v>636</v>
      </c>
      <c r="D135" s="75"/>
      <c r="E135" s="76" t="s">
        <v>638</v>
      </c>
      <c r="F135" s="77"/>
      <c r="G135" s="27" t="s">
        <v>436</v>
      </c>
      <c r="H135" s="25" t="s">
        <v>747</v>
      </c>
    </row>
    <row r="136" spans="1:8" ht="15.75" customHeight="1" x14ac:dyDescent="0.2">
      <c r="A136" s="205"/>
      <c r="B136" s="220"/>
      <c r="C136" s="100" t="s">
        <v>636</v>
      </c>
      <c r="D136" s="75"/>
      <c r="E136" s="76" t="s">
        <v>639</v>
      </c>
      <c r="F136" s="77"/>
      <c r="G136" s="27" t="s">
        <v>435</v>
      </c>
      <c r="H136" s="25" t="s">
        <v>891</v>
      </c>
    </row>
    <row r="137" spans="1:8" ht="16.05" customHeight="1" x14ac:dyDescent="0.2">
      <c r="A137" s="205"/>
      <c r="B137" s="220"/>
      <c r="C137" s="157" t="s">
        <v>636</v>
      </c>
      <c r="D137" s="150"/>
      <c r="E137" s="48" t="s">
        <v>640</v>
      </c>
      <c r="F137" s="151"/>
      <c r="G137" s="152" t="s">
        <v>431</v>
      </c>
      <c r="H137" s="48" t="s">
        <v>434</v>
      </c>
    </row>
    <row r="138" spans="1:8" ht="15.75" customHeight="1" x14ac:dyDescent="0.2">
      <c r="A138" s="205"/>
      <c r="B138" s="220"/>
      <c r="C138" s="100" t="s">
        <v>532</v>
      </c>
      <c r="D138" s="75"/>
      <c r="E138" s="76" t="s">
        <v>631</v>
      </c>
      <c r="F138" s="77"/>
      <c r="G138" s="27" t="s">
        <v>433</v>
      </c>
      <c r="H138" s="25" t="s">
        <v>432</v>
      </c>
    </row>
    <row r="139" spans="1:8" ht="15.75" customHeight="1" x14ac:dyDescent="0.2">
      <c r="A139" s="205"/>
      <c r="B139" s="220"/>
      <c r="C139" s="100" t="s">
        <v>853</v>
      </c>
      <c r="D139" s="75"/>
      <c r="E139" s="76" t="s">
        <v>533</v>
      </c>
      <c r="F139" s="77"/>
      <c r="G139" s="27" t="s">
        <v>431</v>
      </c>
      <c r="H139" s="25" t="s">
        <v>430</v>
      </c>
    </row>
    <row r="140" spans="1:8" ht="15.75" customHeight="1" x14ac:dyDescent="0.2">
      <c r="A140" s="205"/>
      <c r="B140" s="259"/>
      <c r="C140" s="260" t="s">
        <v>840</v>
      </c>
      <c r="D140" s="158"/>
      <c r="E140" s="159" t="s">
        <v>746</v>
      </c>
      <c r="F140" s="160"/>
      <c r="G140" s="161" t="s">
        <v>443</v>
      </c>
      <c r="H140" s="62" t="s">
        <v>641</v>
      </c>
    </row>
    <row r="141" spans="1:8" ht="15.75" customHeight="1" x14ac:dyDescent="0.2">
      <c r="A141" s="205"/>
      <c r="B141" s="205"/>
      <c r="C141" s="205"/>
      <c r="D141" s="205"/>
      <c r="E141" s="205"/>
      <c r="F141" s="205"/>
      <c r="G141" s="205"/>
      <c r="H141" s="261" t="s">
        <v>645</v>
      </c>
    </row>
    <row r="142" spans="1:8" x14ac:dyDescent="0.2">
      <c r="A142" s="8"/>
      <c r="B142" s="8"/>
      <c r="C142" s="8"/>
      <c r="D142" s="8"/>
      <c r="E142" s="8"/>
      <c r="F142" s="8"/>
      <c r="G142" s="8"/>
      <c r="H142" s="8"/>
    </row>
    <row r="143" spans="1:8" x14ac:dyDescent="0.2">
      <c r="A143" s="8"/>
      <c r="B143" s="8"/>
      <c r="C143" s="8"/>
      <c r="D143" s="8"/>
      <c r="E143" s="8"/>
      <c r="F143" s="8"/>
      <c r="G143" s="8"/>
      <c r="H143" s="8"/>
    </row>
    <row r="144" spans="1:8" x14ac:dyDescent="0.2">
      <c r="A144" s="8"/>
      <c r="B144" s="8"/>
      <c r="C144" s="9"/>
      <c r="D144" s="10"/>
      <c r="E144" s="10"/>
      <c r="F144" s="10"/>
      <c r="G144" s="10"/>
      <c r="H144" s="11"/>
    </row>
    <row r="145" spans="1:8" x14ac:dyDescent="0.2">
      <c r="A145" s="8"/>
      <c r="B145" s="12"/>
      <c r="C145" s="9"/>
      <c r="D145" s="10"/>
      <c r="E145" s="10"/>
      <c r="F145" s="10"/>
      <c r="G145" s="9"/>
      <c r="H145" s="9"/>
    </row>
    <row r="146" spans="1:8" x14ac:dyDescent="0.2">
      <c r="A146" s="8"/>
      <c r="B146" s="12"/>
      <c r="C146" s="9"/>
      <c r="D146" s="10"/>
      <c r="E146" s="10"/>
      <c r="F146" s="10"/>
      <c r="G146" s="9"/>
      <c r="H146" s="9"/>
    </row>
    <row r="147" spans="1:8" x14ac:dyDescent="0.2">
      <c r="A147" s="8"/>
      <c r="B147" s="12"/>
      <c r="C147" s="9"/>
      <c r="D147" s="10"/>
      <c r="E147" s="10"/>
      <c r="F147" s="10"/>
      <c r="G147" s="9"/>
      <c r="H147" s="9"/>
    </row>
    <row r="148" spans="1:8" x14ac:dyDescent="0.2">
      <c r="A148" s="8"/>
      <c r="B148" s="12"/>
      <c r="C148" s="9"/>
      <c r="D148" s="10"/>
      <c r="E148" s="10"/>
      <c r="F148" s="10"/>
      <c r="G148" s="9"/>
      <c r="H148" s="9"/>
    </row>
    <row r="149" spans="1:8" x14ac:dyDescent="0.2">
      <c r="A149" s="8"/>
      <c r="B149" s="12"/>
      <c r="C149" s="9"/>
      <c r="D149" s="10"/>
      <c r="E149" s="10"/>
      <c r="F149" s="10"/>
      <c r="G149" s="9"/>
      <c r="H149" s="9"/>
    </row>
    <row r="150" spans="1:8" x14ac:dyDescent="0.2">
      <c r="A150" s="8"/>
      <c r="B150" s="12"/>
      <c r="C150" s="9"/>
      <c r="D150" s="10"/>
      <c r="E150" s="10"/>
      <c r="F150" s="10"/>
      <c r="G150" s="9"/>
      <c r="H150" s="9"/>
    </row>
    <row r="151" spans="1:8" x14ac:dyDescent="0.2">
      <c r="A151" s="8"/>
      <c r="B151" s="12"/>
      <c r="C151" s="9"/>
      <c r="D151" s="10"/>
      <c r="E151" s="10"/>
      <c r="F151" s="10"/>
      <c r="G151" s="9"/>
      <c r="H151" s="9"/>
    </row>
    <row r="152" spans="1:8" x14ac:dyDescent="0.2">
      <c r="A152" s="8"/>
      <c r="B152" s="12"/>
      <c r="C152" s="9"/>
      <c r="D152" s="10"/>
      <c r="E152" s="10"/>
      <c r="F152" s="10"/>
      <c r="G152" s="9"/>
      <c r="H152" s="9"/>
    </row>
    <row r="153" spans="1:8" x14ac:dyDescent="0.2">
      <c r="A153" s="8"/>
      <c r="B153" s="12"/>
      <c r="C153" s="9"/>
      <c r="D153" s="10"/>
      <c r="E153" s="10"/>
      <c r="F153" s="10"/>
      <c r="G153" s="9"/>
      <c r="H153" s="9"/>
    </row>
    <row r="154" spans="1:8" x14ac:dyDescent="0.2">
      <c r="A154" s="8"/>
      <c r="B154" s="12"/>
      <c r="C154" s="9"/>
      <c r="D154" s="10"/>
      <c r="E154" s="10"/>
      <c r="F154" s="10"/>
      <c r="G154" s="9"/>
      <c r="H154" s="9"/>
    </row>
    <row r="155" spans="1:8" x14ac:dyDescent="0.2">
      <c r="A155" s="8"/>
      <c r="B155" s="12"/>
      <c r="C155" s="9"/>
      <c r="D155" s="10"/>
      <c r="E155" s="10"/>
      <c r="F155" s="10"/>
      <c r="G155" s="9"/>
      <c r="H155" s="9"/>
    </row>
    <row r="156" spans="1:8" x14ac:dyDescent="0.2">
      <c r="A156" s="8"/>
      <c r="B156" s="12"/>
      <c r="C156" s="9"/>
      <c r="D156" s="10"/>
      <c r="E156" s="10"/>
      <c r="F156" s="10"/>
      <c r="G156" s="9"/>
      <c r="H156" s="9"/>
    </row>
    <row r="157" spans="1:8" x14ac:dyDescent="0.2">
      <c r="A157" s="8"/>
      <c r="B157" s="12"/>
      <c r="C157" s="9"/>
      <c r="D157" s="10"/>
      <c r="E157" s="10"/>
      <c r="F157" s="10"/>
      <c r="G157" s="9"/>
      <c r="H157" s="9"/>
    </row>
    <row r="158" spans="1:8" x14ac:dyDescent="0.2">
      <c r="A158" s="8"/>
      <c r="B158" s="12"/>
      <c r="C158" s="9"/>
      <c r="D158" s="10"/>
      <c r="E158" s="10"/>
      <c r="F158" s="10"/>
      <c r="G158" s="9"/>
      <c r="H158" s="9"/>
    </row>
    <row r="159" spans="1:8" x14ac:dyDescent="0.2">
      <c r="A159" s="8"/>
      <c r="B159" s="13"/>
      <c r="C159" s="9"/>
      <c r="D159" s="10"/>
      <c r="E159" s="10"/>
      <c r="F159" s="10"/>
      <c r="G159" s="9"/>
      <c r="H159" s="9"/>
    </row>
    <row r="160" spans="1:8" x14ac:dyDescent="0.2">
      <c r="A160" s="8"/>
      <c r="B160" s="13"/>
      <c r="C160" s="9"/>
      <c r="D160" s="10"/>
      <c r="E160" s="10"/>
      <c r="F160" s="10"/>
      <c r="G160" s="9"/>
      <c r="H160" s="9"/>
    </row>
    <row r="161" spans="1:8" x14ac:dyDescent="0.2">
      <c r="A161" s="8"/>
      <c r="B161" s="13"/>
      <c r="C161" s="9"/>
      <c r="D161" s="9"/>
      <c r="E161" s="9"/>
      <c r="F161" s="9"/>
      <c r="G161" s="9"/>
      <c r="H161" s="9"/>
    </row>
    <row r="162" spans="1:8" x14ac:dyDescent="0.2">
      <c r="B162" s="14"/>
      <c r="C162" s="6"/>
      <c r="D162" s="6"/>
      <c r="E162" s="6"/>
      <c r="F162" s="6"/>
      <c r="G162" s="6"/>
      <c r="H162" s="6"/>
    </row>
    <row r="163" spans="1:8" x14ac:dyDescent="0.2">
      <c r="B163" s="14"/>
      <c r="C163" s="6"/>
      <c r="D163" s="6"/>
      <c r="E163" s="6"/>
      <c r="F163" s="6"/>
      <c r="G163" s="6"/>
      <c r="H163" s="6"/>
    </row>
    <row r="164" spans="1:8" x14ac:dyDescent="0.2">
      <c r="B164" s="15"/>
      <c r="C164" s="6"/>
      <c r="D164" s="6"/>
      <c r="E164" s="6"/>
      <c r="F164" s="6"/>
      <c r="G164" s="6"/>
      <c r="H164" s="6"/>
    </row>
    <row r="165" spans="1:8" x14ac:dyDescent="0.2">
      <c r="B165" s="15"/>
    </row>
    <row r="166" spans="1:8" x14ac:dyDescent="0.2">
      <c r="B166" s="15"/>
    </row>
  </sheetData>
  <mergeCells count="16">
    <mergeCell ref="G6:H6"/>
    <mergeCell ref="B6:C6"/>
    <mergeCell ref="B81:C81"/>
    <mergeCell ref="G81:H81"/>
    <mergeCell ref="B7:B8"/>
    <mergeCell ref="B18:B19"/>
    <mergeCell ref="B38:B39"/>
    <mergeCell ref="B48:B49"/>
    <mergeCell ref="B69:B70"/>
    <mergeCell ref="B33:B34"/>
    <mergeCell ref="B128:B129"/>
    <mergeCell ref="B82:B84"/>
    <mergeCell ref="B94:B95"/>
    <mergeCell ref="B110:B111"/>
    <mergeCell ref="B114:B115"/>
    <mergeCell ref="B119:B120"/>
  </mergeCells>
  <phoneticPr fontId="4"/>
  <pageMargins left="0.74803149606299213" right="0.78740157480314965" top="0.59055118110236227" bottom="0.59055118110236227" header="0.51181102362204722" footer="0.19685039370078741"/>
  <pageSetup paperSize="9" scale="68" firstPageNumber="51" fitToHeight="0" orientation="portrait" blackAndWhite="1" useFirstPageNumber="1" horizontalDpi="1200" verticalDpi="1200" r:id="rId1"/>
  <headerFooter scaleWithDoc="0" alignWithMargins="0">
    <oddFooter xml:space="preserve">&amp;C&amp;P </oddFooter>
    <firstFooter>&amp;C&amp;"ＭＳ ゴシック,標準"&amp;14 53</firstFooter>
  </headerFooter>
  <rowBreaks count="1" manualBreakCount="1">
    <brk id="78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2:G99"/>
  <sheetViews>
    <sheetView view="pageBreakPreview" zoomScale="102" zoomScaleNormal="100" zoomScaleSheetLayoutView="102" workbookViewId="0">
      <selection activeCell="C26" sqref="C26"/>
    </sheetView>
  </sheetViews>
  <sheetFormatPr defaultRowHeight="13.2" x14ac:dyDescent="0.2"/>
  <cols>
    <col min="1" max="1" width="2.44140625" style="4" customWidth="1"/>
    <col min="2" max="2" width="2.88671875" style="4" customWidth="1"/>
    <col min="3" max="3" width="29.21875" style="4" customWidth="1"/>
    <col min="4" max="4" width="23.109375" style="4" customWidth="1"/>
    <col min="5" max="5" width="24.77734375" style="4" customWidth="1"/>
    <col min="6" max="6" width="11.33203125" style="4" customWidth="1"/>
    <col min="7" max="16384" width="8.88671875" style="3"/>
  </cols>
  <sheetData>
    <row r="2" spans="1:6" ht="15.6" x14ac:dyDescent="0.2">
      <c r="A2" s="162" t="s">
        <v>185</v>
      </c>
      <c r="B2" s="163"/>
      <c r="C2" s="163"/>
      <c r="D2" s="163"/>
      <c r="E2" s="163"/>
    </row>
    <row r="3" spans="1:6" x14ac:dyDescent="0.2">
      <c r="A3" s="163"/>
      <c r="B3" s="164"/>
      <c r="C3" s="163"/>
      <c r="D3" s="163"/>
      <c r="E3" s="322" t="s">
        <v>854</v>
      </c>
      <c r="F3" s="322"/>
    </row>
    <row r="4" spans="1:6" ht="16.5" customHeight="1" x14ac:dyDescent="0.2">
      <c r="A4" s="163"/>
      <c r="B4" s="165" t="s">
        <v>184</v>
      </c>
      <c r="C4" s="163"/>
      <c r="D4" s="163"/>
      <c r="E4" s="323"/>
      <c r="F4" s="323"/>
    </row>
    <row r="5" spans="1:6" ht="16.5" customHeight="1" x14ac:dyDescent="0.2">
      <c r="A5" s="166"/>
      <c r="B5" s="167"/>
      <c r="C5" s="168" t="s">
        <v>21</v>
      </c>
      <c r="D5" s="169" t="s">
        <v>20</v>
      </c>
      <c r="E5" s="169" t="s">
        <v>19</v>
      </c>
      <c r="F5" s="170" t="s">
        <v>18</v>
      </c>
    </row>
    <row r="6" spans="1:6" ht="16.5" customHeight="1" x14ac:dyDescent="0.2">
      <c r="A6" s="166"/>
      <c r="B6" s="171">
        <v>1</v>
      </c>
      <c r="C6" s="101" t="s">
        <v>183</v>
      </c>
      <c r="D6" s="102" t="s">
        <v>182</v>
      </c>
      <c r="E6" s="102" t="s">
        <v>30</v>
      </c>
      <c r="F6" s="103">
        <v>35489</v>
      </c>
    </row>
    <row r="7" spans="1:6" ht="16.5" customHeight="1" x14ac:dyDescent="0.2">
      <c r="A7" s="166"/>
      <c r="B7" s="172">
        <v>2</v>
      </c>
      <c r="C7" s="104" t="s">
        <v>181</v>
      </c>
      <c r="D7" s="105" t="s">
        <v>180</v>
      </c>
      <c r="E7" s="105" t="s">
        <v>179</v>
      </c>
      <c r="F7" s="106">
        <v>34263</v>
      </c>
    </row>
    <row r="8" spans="1:6" ht="16.5" customHeight="1" x14ac:dyDescent="0.2">
      <c r="A8" s="166"/>
      <c r="B8" s="172">
        <v>3</v>
      </c>
      <c r="C8" s="104" t="s">
        <v>178</v>
      </c>
      <c r="D8" s="105" t="s">
        <v>177</v>
      </c>
      <c r="E8" s="105" t="s">
        <v>176</v>
      </c>
      <c r="F8" s="106">
        <v>35131</v>
      </c>
    </row>
    <row r="9" spans="1:6" ht="16.5" customHeight="1" x14ac:dyDescent="0.2">
      <c r="A9" s="166"/>
      <c r="B9" s="173">
        <v>4</v>
      </c>
      <c r="C9" s="104" t="s">
        <v>175</v>
      </c>
      <c r="D9" s="105" t="s">
        <v>174</v>
      </c>
      <c r="E9" s="105" t="s">
        <v>153</v>
      </c>
      <c r="F9" s="106">
        <v>37572</v>
      </c>
    </row>
    <row r="10" spans="1:6" ht="16.5" customHeight="1" x14ac:dyDescent="0.2">
      <c r="A10" s="166"/>
      <c r="B10" s="172">
        <v>5</v>
      </c>
      <c r="C10" s="104" t="s">
        <v>173</v>
      </c>
      <c r="D10" s="105" t="s">
        <v>172</v>
      </c>
      <c r="E10" s="105" t="s">
        <v>748</v>
      </c>
      <c r="F10" s="106">
        <v>30649</v>
      </c>
    </row>
    <row r="11" spans="1:6" ht="16.5" customHeight="1" x14ac:dyDescent="0.2">
      <c r="A11" s="166"/>
      <c r="B11" s="172">
        <v>6</v>
      </c>
      <c r="C11" s="104" t="s">
        <v>171</v>
      </c>
      <c r="D11" s="105" t="s">
        <v>170</v>
      </c>
      <c r="E11" s="105" t="s">
        <v>140</v>
      </c>
      <c r="F11" s="106">
        <v>36237</v>
      </c>
    </row>
    <row r="12" spans="1:6" ht="16.5" customHeight="1" x14ac:dyDescent="0.2">
      <c r="A12" s="166"/>
      <c r="B12" s="172">
        <v>7</v>
      </c>
      <c r="C12" s="104" t="s">
        <v>709</v>
      </c>
      <c r="D12" s="105" t="s">
        <v>169</v>
      </c>
      <c r="E12" s="105" t="s">
        <v>168</v>
      </c>
      <c r="F12" s="106">
        <v>38528</v>
      </c>
    </row>
    <row r="13" spans="1:6" ht="16.5" customHeight="1" x14ac:dyDescent="0.2">
      <c r="A13" s="166"/>
      <c r="B13" s="172">
        <v>8</v>
      </c>
      <c r="C13" s="104" t="s">
        <v>167</v>
      </c>
      <c r="D13" s="107" t="s">
        <v>166</v>
      </c>
      <c r="E13" s="107" t="s">
        <v>165</v>
      </c>
      <c r="F13" s="106">
        <v>34083</v>
      </c>
    </row>
    <row r="14" spans="1:6" ht="16.5" customHeight="1" x14ac:dyDescent="0.2">
      <c r="A14" s="166"/>
      <c r="B14" s="172">
        <v>9</v>
      </c>
      <c r="C14" s="108" t="s">
        <v>164</v>
      </c>
      <c r="D14" s="109" t="s">
        <v>163</v>
      </c>
      <c r="E14" s="109" t="s">
        <v>749</v>
      </c>
      <c r="F14" s="110">
        <v>30258</v>
      </c>
    </row>
    <row r="15" spans="1:6" ht="16.5" customHeight="1" x14ac:dyDescent="0.2">
      <c r="A15" s="166"/>
      <c r="B15" s="174">
        <v>10</v>
      </c>
      <c r="C15" s="104" t="s">
        <v>162</v>
      </c>
      <c r="D15" s="107" t="s">
        <v>161</v>
      </c>
      <c r="E15" s="107" t="s">
        <v>710</v>
      </c>
      <c r="F15" s="106">
        <v>35237</v>
      </c>
    </row>
    <row r="16" spans="1:6" ht="16.5" customHeight="1" x14ac:dyDescent="0.2">
      <c r="A16" s="166"/>
      <c r="B16" s="172">
        <v>11</v>
      </c>
      <c r="C16" s="104" t="s">
        <v>160</v>
      </c>
      <c r="D16" s="107" t="s">
        <v>159</v>
      </c>
      <c r="E16" s="107" t="s">
        <v>158</v>
      </c>
      <c r="F16" s="106">
        <v>39248</v>
      </c>
    </row>
    <row r="17" spans="1:6" ht="16.5" customHeight="1" x14ac:dyDescent="0.2">
      <c r="A17" s="166"/>
      <c r="B17" s="172">
        <v>12</v>
      </c>
      <c r="C17" s="104" t="s">
        <v>711</v>
      </c>
      <c r="D17" s="107" t="s">
        <v>157</v>
      </c>
      <c r="E17" s="107" t="s">
        <v>156</v>
      </c>
      <c r="F17" s="106">
        <v>26260</v>
      </c>
    </row>
    <row r="18" spans="1:6" ht="16.5" customHeight="1" x14ac:dyDescent="0.2">
      <c r="A18" s="166"/>
      <c r="B18" s="172">
        <v>13</v>
      </c>
      <c r="C18" s="104" t="s">
        <v>155</v>
      </c>
      <c r="D18" s="107" t="s">
        <v>154</v>
      </c>
      <c r="E18" s="107" t="s">
        <v>153</v>
      </c>
      <c r="F18" s="106">
        <v>40450</v>
      </c>
    </row>
    <row r="19" spans="1:6" ht="16.5" customHeight="1" x14ac:dyDescent="0.2">
      <c r="A19" s="166"/>
      <c r="B19" s="172">
        <v>14</v>
      </c>
      <c r="C19" s="104" t="s">
        <v>152</v>
      </c>
      <c r="D19" s="107" t="s">
        <v>151</v>
      </c>
      <c r="E19" s="107" t="s">
        <v>150</v>
      </c>
      <c r="F19" s="106">
        <v>40718</v>
      </c>
    </row>
    <row r="20" spans="1:6" ht="16.5" customHeight="1" x14ac:dyDescent="0.2">
      <c r="A20" s="166"/>
      <c r="B20" s="172">
        <v>15</v>
      </c>
      <c r="C20" s="104" t="s">
        <v>149</v>
      </c>
      <c r="D20" s="107" t="s">
        <v>148</v>
      </c>
      <c r="E20" s="107" t="s">
        <v>147</v>
      </c>
      <c r="F20" s="106">
        <v>40780</v>
      </c>
    </row>
    <row r="21" spans="1:6" ht="16.5" customHeight="1" x14ac:dyDescent="0.2">
      <c r="A21" s="166"/>
      <c r="B21" s="172">
        <v>16</v>
      </c>
      <c r="C21" s="104" t="s">
        <v>146</v>
      </c>
      <c r="D21" s="107" t="s">
        <v>145</v>
      </c>
      <c r="E21" s="107" t="s">
        <v>144</v>
      </c>
      <c r="F21" s="106">
        <v>40834</v>
      </c>
    </row>
    <row r="22" spans="1:6" ht="16.5" customHeight="1" x14ac:dyDescent="0.2">
      <c r="A22" s="166"/>
      <c r="B22" s="172">
        <v>17</v>
      </c>
      <c r="C22" s="104" t="s">
        <v>712</v>
      </c>
      <c r="D22" s="107" t="s">
        <v>143</v>
      </c>
      <c r="E22" s="107" t="s">
        <v>748</v>
      </c>
      <c r="F22" s="106">
        <v>41003</v>
      </c>
    </row>
    <row r="23" spans="1:6" ht="16.5" customHeight="1" x14ac:dyDescent="0.2">
      <c r="A23" s="166"/>
      <c r="B23" s="172">
        <v>18</v>
      </c>
      <c r="C23" s="111" t="s">
        <v>750</v>
      </c>
      <c r="D23" s="107" t="s">
        <v>142</v>
      </c>
      <c r="E23" s="112" t="s">
        <v>751</v>
      </c>
      <c r="F23" s="110">
        <v>36796</v>
      </c>
    </row>
    <row r="24" spans="1:6" ht="16.5" customHeight="1" x14ac:dyDescent="0.2">
      <c r="A24" s="166"/>
      <c r="B24" s="172">
        <v>19</v>
      </c>
      <c r="C24" s="104" t="s">
        <v>141</v>
      </c>
      <c r="D24" s="107" t="s">
        <v>752</v>
      </c>
      <c r="E24" s="107" t="s">
        <v>140</v>
      </c>
      <c r="F24" s="106">
        <v>42572</v>
      </c>
    </row>
    <row r="25" spans="1:6" ht="16.5" customHeight="1" x14ac:dyDescent="0.2">
      <c r="A25" s="166"/>
      <c r="B25" s="172">
        <v>20</v>
      </c>
      <c r="C25" s="111" t="s">
        <v>139</v>
      </c>
      <c r="D25" s="112" t="s">
        <v>138</v>
      </c>
      <c r="E25" s="112" t="s">
        <v>137</v>
      </c>
      <c r="F25" s="110">
        <v>42565</v>
      </c>
    </row>
    <row r="26" spans="1:6" ht="16.5" customHeight="1" x14ac:dyDescent="0.2">
      <c r="A26" s="166"/>
      <c r="B26" s="172">
        <v>21</v>
      </c>
      <c r="C26" s="113" t="s">
        <v>136</v>
      </c>
      <c r="D26" s="107" t="s">
        <v>135</v>
      </c>
      <c r="E26" s="107" t="s">
        <v>134</v>
      </c>
      <c r="F26" s="106">
        <v>43042</v>
      </c>
    </row>
    <row r="27" spans="1:6" ht="16.5" customHeight="1" x14ac:dyDescent="0.2">
      <c r="A27" s="166"/>
      <c r="B27" s="172">
        <v>22</v>
      </c>
      <c r="C27" s="113" t="s">
        <v>133</v>
      </c>
      <c r="D27" s="107" t="s">
        <v>132</v>
      </c>
      <c r="E27" s="107" t="s">
        <v>713</v>
      </c>
      <c r="F27" s="106">
        <v>43733</v>
      </c>
    </row>
    <row r="28" spans="1:6" ht="16.5" customHeight="1" x14ac:dyDescent="0.2">
      <c r="A28" s="166"/>
      <c r="B28" s="172">
        <v>23</v>
      </c>
      <c r="C28" s="113" t="s">
        <v>714</v>
      </c>
      <c r="D28" s="107" t="s">
        <v>648</v>
      </c>
      <c r="E28" s="107" t="s">
        <v>715</v>
      </c>
      <c r="F28" s="106">
        <v>44169</v>
      </c>
    </row>
    <row r="29" spans="1:6" ht="16.5" customHeight="1" x14ac:dyDescent="0.2">
      <c r="A29" s="166"/>
      <c r="B29" s="172">
        <v>24</v>
      </c>
      <c r="C29" s="113" t="s">
        <v>131</v>
      </c>
      <c r="D29" s="107" t="s">
        <v>130</v>
      </c>
      <c r="E29" s="107" t="s">
        <v>129</v>
      </c>
      <c r="F29" s="106">
        <v>26606</v>
      </c>
    </row>
    <row r="30" spans="1:6" ht="16.5" customHeight="1" x14ac:dyDescent="0.2">
      <c r="A30" s="166"/>
      <c r="B30" s="172">
        <v>25</v>
      </c>
      <c r="C30" s="113" t="s">
        <v>128</v>
      </c>
      <c r="D30" s="107" t="s">
        <v>127</v>
      </c>
      <c r="E30" s="107" t="s">
        <v>126</v>
      </c>
      <c r="F30" s="106">
        <v>27451</v>
      </c>
    </row>
    <row r="31" spans="1:6" ht="16.5" customHeight="1" x14ac:dyDescent="0.2">
      <c r="A31" s="166"/>
      <c r="B31" s="172">
        <v>26</v>
      </c>
      <c r="C31" s="113" t="s">
        <v>125</v>
      </c>
      <c r="D31" s="107" t="s">
        <v>124</v>
      </c>
      <c r="E31" s="107" t="s">
        <v>123</v>
      </c>
      <c r="F31" s="106">
        <v>26630</v>
      </c>
    </row>
    <row r="32" spans="1:6" ht="16.5" customHeight="1" x14ac:dyDescent="0.2">
      <c r="A32" s="166"/>
      <c r="B32" s="172">
        <v>27</v>
      </c>
      <c r="C32" s="104" t="s">
        <v>122</v>
      </c>
      <c r="D32" s="107" t="s">
        <v>121</v>
      </c>
      <c r="E32" s="107" t="s">
        <v>24</v>
      </c>
      <c r="F32" s="106">
        <v>27515</v>
      </c>
    </row>
    <row r="33" spans="1:6" ht="16.5" customHeight="1" x14ac:dyDescent="0.2">
      <c r="A33" s="166"/>
      <c r="B33" s="172">
        <v>28</v>
      </c>
      <c r="C33" s="104" t="s">
        <v>120</v>
      </c>
      <c r="D33" s="107" t="s">
        <v>119</v>
      </c>
      <c r="E33" s="107"/>
      <c r="F33" s="106">
        <v>24920</v>
      </c>
    </row>
    <row r="34" spans="1:6" ht="16.5" customHeight="1" x14ac:dyDescent="0.2">
      <c r="A34" s="166"/>
      <c r="B34" s="172">
        <v>29</v>
      </c>
      <c r="C34" s="104" t="s">
        <v>118</v>
      </c>
      <c r="D34" s="107" t="s">
        <v>117</v>
      </c>
      <c r="E34" s="107" t="s">
        <v>116</v>
      </c>
      <c r="F34" s="106">
        <v>24746</v>
      </c>
    </row>
    <row r="35" spans="1:6" ht="16.5" customHeight="1" x14ac:dyDescent="0.2">
      <c r="A35" s="166"/>
      <c r="B35" s="172">
        <v>30</v>
      </c>
      <c r="C35" s="104" t="s">
        <v>115</v>
      </c>
      <c r="D35" s="107" t="s">
        <v>114</v>
      </c>
      <c r="E35" s="107" t="s">
        <v>113</v>
      </c>
      <c r="F35" s="106">
        <v>23652</v>
      </c>
    </row>
    <row r="36" spans="1:6" ht="16.5" customHeight="1" x14ac:dyDescent="0.2">
      <c r="A36" s="166"/>
      <c r="B36" s="172">
        <v>31</v>
      </c>
      <c r="C36" s="104" t="s">
        <v>112</v>
      </c>
      <c r="D36" s="107" t="s">
        <v>111</v>
      </c>
      <c r="E36" s="107" t="s">
        <v>110</v>
      </c>
      <c r="F36" s="106">
        <v>28464</v>
      </c>
    </row>
    <row r="37" spans="1:6" ht="16.5" customHeight="1" x14ac:dyDescent="0.2">
      <c r="A37" s="166"/>
      <c r="B37" s="172">
        <v>32</v>
      </c>
      <c r="C37" s="104" t="s">
        <v>109</v>
      </c>
      <c r="D37" s="107" t="s">
        <v>108</v>
      </c>
      <c r="E37" s="107" t="s">
        <v>107</v>
      </c>
      <c r="F37" s="106">
        <v>29491</v>
      </c>
    </row>
    <row r="38" spans="1:6" ht="16.5" customHeight="1" x14ac:dyDescent="0.2">
      <c r="A38" s="166"/>
      <c r="B38" s="172">
        <v>33</v>
      </c>
      <c r="C38" s="104" t="s">
        <v>106</v>
      </c>
      <c r="D38" s="107" t="s">
        <v>105</v>
      </c>
      <c r="E38" s="107" t="s">
        <v>24</v>
      </c>
      <c r="F38" s="106">
        <v>29443</v>
      </c>
    </row>
    <row r="39" spans="1:6" ht="16.5" customHeight="1" x14ac:dyDescent="0.2">
      <c r="A39" s="166"/>
      <c r="B39" s="172">
        <v>34</v>
      </c>
      <c r="C39" s="111" t="s">
        <v>104</v>
      </c>
      <c r="D39" s="107" t="s">
        <v>103</v>
      </c>
      <c r="E39" s="112" t="s">
        <v>102</v>
      </c>
      <c r="F39" s="110">
        <v>20880</v>
      </c>
    </row>
    <row r="40" spans="1:6" ht="16.5" customHeight="1" x14ac:dyDescent="0.2">
      <c r="A40" s="166"/>
      <c r="B40" s="172">
        <v>35</v>
      </c>
      <c r="C40" s="104" t="s">
        <v>101</v>
      </c>
      <c r="D40" s="107" t="s">
        <v>100</v>
      </c>
      <c r="E40" s="107" t="s">
        <v>99</v>
      </c>
      <c r="F40" s="106">
        <v>27867</v>
      </c>
    </row>
    <row r="41" spans="1:6" ht="16.5" customHeight="1" x14ac:dyDescent="0.2">
      <c r="A41" s="166"/>
      <c r="B41" s="172">
        <v>36</v>
      </c>
      <c r="C41" s="104" t="s">
        <v>98</v>
      </c>
      <c r="D41" s="107" t="s">
        <v>97</v>
      </c>
      <c r="E41" s="107" t="s">
        <v>24</v>
      </c>
      <c r="F41" s="106">
        <v>30660</v>
      </c>
    </row>
    <row r="42" spans="1:6" ht="16.5" customHeight="1" x14ac:dyDescent="0.2">
      <c r="A42" s="166"/>
      <c r="B42" s="172">
        <v>37</v>
      </c>
      <c r="C42" s="104" t="s">
        <v>96</v>
      </c>
      <c r="D42" s="107" t="s">
        <v>95</v>
      </c>
      <c r="E42" s="107" t="s">
        <v>94</v>
      </c>
      <c r="F42" s="106">
        <v>25461</v>
      </c>
    </row>
    <row r="43" spans="1:6" ht="16.5" customHeight="1" x14ac:dyDescent="0.2">
      <c r="A43" s="166"/>
      <c r="B43" s="172">
        <v>38</v>
      </c>
      <c r="C43" s="104" t="s">
        <v>93</v>
      </c>
      <c r="D43" s="107" t="s">
        <v>92</v>
      </c>
      <c r="E43" s="107" t="s">
        <v>86</v>
      </c>
      <c r="F43" s="106">
        <v>32620</v>
      </c>
    </row>
    <row r="44" spans="1:6" ht="16.5" customHeight="1" x14ac:dyDescent="0.2">
      <c r="A44" s="166"/>
      <c r="B44" s="172">
        <v>39</v>
      </c>
      <c r="C44" s="104" t="s">
        <v>91</v>
      </c>
      <c r="D44" s="107" t="s">
        <v>90</v>
      </c>
      <c r="E44" s="107" t="s">
        <v>89</v>
      </c>
      <c r="F44" s="106">
        <v>33247</v>
      </c>
    </row>
    <row r="45" spans="1:6" ht="16.5" customHeight="1" x14ac:dyDescent="0.2">
      <c r="A45" s="166"/>
      <c r="B45" s="172">
        <v>40</v>
      </c>
      <c r="C45" s="104" t="s">
        <v>88</v>
      </c>
      <c r="D45" s="107" t="s">
        <v>87</v>
      </c>
      <c r="E45" s="107" t="s">
        <v>86</v>
      </c>
      <c r="F45" s="106">
        <v>27483</v>
      </c>
    </row>
    <row r="46" spans="1:6" ht="16.5" customHeight="1" x14ac:dyDescent="0.2">
      <c r="A46" s="166"/>
      <c r="B46" s="172">
        <v>41</v>
      </c>
      <c r="C46" s="104" t="s">
        <v>85</v>
      </c>
      <c r="D46" s="107" t="s">
        <v>84</v>
      </c>
      <c r="E46" s="107" t="s">
        <v>83</v>
      </c>
      <c r="F46" s="106">
        <v>34298</v>
      </c>
    </row>
    <row r="47" spans="1:6" ht="16.5" customHeight="1" x14ac:dyDescent="0.2">
      <c r="A47" s="166"/>
      <c r="B47" s="172">
        <v>42</v>
      </c>
      <c r="C47" s="104" t="s">
        <v>82</v>
      </c>
      <c r="D47" s="107" t="s">
        <v>81</v>
      </c>
      <c r="E47" s="107" t="s">
        <v>48</v>
      </c>
      <c r="F47" s="106">
        <v>35181</v>
      </c>
    </row>
    <row r="48" spans="1:6" ht="16.5" customHeight="1" x14ac:dyDescent="0.2">
      <c r="A48" s="166"/>
      <c r="B48" s="175">
        <v>43</v>
      </c>
      <c r="C48" s="176" t="s">
        <v>80</v>
      </c>
      <c r="D48" s="177" t="s">
        <v>79</v>
      </c>
      <c r="E48" s="177" t="s">
        <v>78</v>
      </c>
      <c r="F48" s="178">
        <v>36119</v>
      </c>
    </row>
    <row r="49" spans="1:7" ht="16.5" customHeight="1" x14ac:dyDescent="0.2">
      <c r="A49" s="166"/>
      <c r="B49" s="179"/>
      <c r="C49" s="180"/>
      <c r="D49" s="180"/>
      <c r="E49" s="180"/>
      <c r="F49" s="181"/>
    </row>
    <row r="50" spans="1:7" ht="16.5" customHeight="1" x14ac:dyDescent="0.2">
      <c r="A50" s="166"/>
      <c r="B50" s="179"/>
      <c r="C50" s="180"/>
      <c r="D50" s="180"/>
      <c r="E50" s="180"/>
      <c r="F50" s="181"/>
    </row>
    <row r="51" spans="1:7" ht="16.5" customHeight="1" x14ac:dyDescent="0.2">
      <c r="A51" s="166"/>
      <c r="B51" s="179"/>
      <c r="C51" s="324" t="s">
        <v>642</v>
      </c>
      <c r="D51" s="325"/>
      <c r="E51" s="325"/>
      <c r="F51" s="325"/>
    </row>
    <row r="52" spans="1:7" ht="16.5" customHeight="1" x14ac:dyDescent="0.2">
      <c r="A52" s="166"/>
      <c r="B52" s="163"/>
      <c r="C52" s="325"/>
      <c r="D52" s="325"/>
      <c r="E52" s="325"/>
      <c r="F52" s="325"/>
    </row>
    <row r="53" spans="1:7" ht="28.2" customHeight="1" x14ac:dyDescent="0.2">
      <c r="A53" s="166"/>
      <c r="B53" s="163"/>
      <c r="C53" s="182"/>
      <c r="D53" s="182"/>
      <c r="E53" s="182"/>
      <c r="F53" s="183"/>
    </row>
    <row r="54" spans="1:7" x14ac:dyDescent="0.2">
      <c r="A54" s="166"/>
      <c r="B54" s="163"/>
      <c r="C54" s="182"/>
      <c r="D54" s="182"/>
      <c r="E54" s="182"/>
      <c r="F54" s="184"/>
      <c r="G54" s="17"/>
    </row>
    <row r="55" spans="1:7" ht="16.5" customHeight="1" x14ac:dyDescent="0.2">
      <c r="A55" s="163"/>
      <c r="B55" s="165" t="s">
        <v>77</v>
      </c>
      <c r="C55" s="163"/>
      <c r="D55" s="163"/>
      <c r="E55" s="182"/>
      <c r="F55" s="183"/>
    </row>
    <row r="56" spans="1:7" ht="16.5" customHeight="1" x14ac:dyDescent="0.2">
      <c r="A56" s="166"/>
      <c r="B56" s="185"/>
      <c r="C56" s="168" t="s">
        <v>21</v>
      </c>
      <c r="D56" s="169" t="s">
        <v>20</v>
      </c>
      <c r="E56" s="169" t="s">
        <v>19</v>
      </c>
      <c r="F56" s="170" t="s">
        <v>18</v>
      </c>
    </row>
    <row r="57" spans="1:7" ht="16.5" customHeight="1" x14ac:dyDescent="0.2">
      <c r="A57" s="166"/>
      <c r="B57" s="171">
        <v>1</v>
      </c>
      <c r="C57" s="186" t="s">
        <v>76</v>
      </c>
      <c r="D57" s="187" t="s">
        <v>75</v>
      </c>
      <c r="E57" s="262" t="s">
        <v>892</v>
      </c>
      <c r="F57" s="188">
        <v>35257</v>
      </c>
    </row>
    <row r="58" spans="1:7" ht="24" customHeight="1" x14ac:dyDescent="0.2">
      <c r="A58" s="166"/>
      <c r="B58" s="172">
        <v>2</v>
      </c>
      <c r="C58" s="189" t="s">
        <v>74</v>
      </c>
      <c r="D58" s="190" t="s">
        <v>753</v>
      </c>
      <c r="E58" s="191" t="s">
        <v>48</v>
      </c>
      <c r="F58" s="192">
        <v>39194</v>
      </c>
    </row>
    <row r="59" spans="1:7" ht="16.5" customHeight="1" x14ac:dyDescent="0.2">
      <c r="A59" s="166"/>
      <c r="B59" s="172">
        <v>3</v>
      </c>
      <c r="C59" s="189" t="s">
        <v>73</v>
      </c>
      <c r="D59" s="191" t="s">
        <v>72</v>
      </c>
      <c r="E59" s="191" t="s">
        <v>71</v>
      </c>
      <c r="F59" s="192">
        <v>41277</v>
      </c>
    </row>
    <row r="60" spans="1:7" ht="16.5" customHeight="1" x14ac:dyDescent="0.2">
      <c r="A60" s="166"/>
      <c r="B60" s="172">
        <v>4</v>
      </c>
      <c r="C60" s="193" t="s">
        <v>716</v>
      </c>
      <c r="D60" s="194" t="s">
        <v>70</v>
      </c>
      <c r="E60" s="195" t="s">
        <v>69</v>
      </c>
      <c r="F60" s="196">
        <v>43419</v>
      </c>
    </row>
    <row r="61" spans="1:7" ht="16.5" customHeight="1" x14ac:dyDescent="0.2">
      <c r="A61" s="166"/>
      <c r="B61" s="172">
        <v>5</v>
      </c>
      <c r="C61" s="189" t="s">
        <v>68</v>
      </c>
      <c r="D61" s="191" t="s">
        <v>67</v>
      </c>
      <c r="E61" s="191" t="s">
        <v>66</v>
      </c>
      <c r="F61" s="192">
        <v>34615</v>
      </c>
    </row>
    <row r="62" spans="1:7" ht="16.5" customHeight="1" x14ac:dyDescent="0.2">
      <c r="A62" s="166"/>
      <c r="B62" s="172">
        <v>6</v>
      </c>
      <c r="C62" s="189" t="s">
        <v>65</v>
      </c>
      <c r="D62" s="191" t="s">
        <v>64</v>
      </c>
      <c r="E62" s="191" t="s">
        <v>63</v>
      </c>
      <c r="F62" s="192">
        <v>33578</v>
      </c>
    </row>
    <row r="63" spans="1:7" ht="16.5" customHeight="1" x14ac:dyDescent="0.2">
      <c r="A63" s="166"/>
      <c r="B63" s="175">
        <v>7</v>
      </c>
      <c r="C63" s="176" t="s">
        <v>62</v>
      </c>
      <c r="D63" s="177" t="s">
        <v>61</v>
      </c>
      <c r="E63" s="177" t="s">
        <v>60</v>
      </c>
      <c r="F63" s="178">
        <v>33955</v>
      </c>
    </row>
    <row r="64" spans="1:7" ht="16.5" customHeight="1" x14ac:dyDescent="0.2">
      <c r="A64" s="166"/>
      <c r="B64" s="179"/>
      <c r="C64" s="180"/>
      <c r="D64" s="180"/>
      <c r="E64" s="180"/>
      <c r="F64" s="197"/>
    </row>
    <row r="65" spans="1:6" ht="16.5" customHeight="1" x14ac:dyDescent="0.2">
      <c r="A65" s="163"/>
      <c r="B65" s="165" t="s">
        <v>59</v>
      </c>
      <c r="C65" s="163"/>
      <c r="D65" s="182"/>
      <c r="E65" s="182"/>
      <c r="F65" s="183"/>
    </row>
    <row r="66" spans="1:6" ht="16.5" customHeight="1" x14ac:dyDescent="0.2">
      <c r="A66" s="166"/>
      <c r="B66" s="185"/>
      <c r="C66" s="168" t="s">
        <v>21</v>
      </c>
      <c r="D66" s="169" t="s">
        <v>20</v>
      </c>
      <c r="E66" s="169" t="s">
        <v>19</v>
      </c>
      <c r="F66" s="170" t="s">
        <v>18</v>
      </c>
    </row>
    <row r="67" spans="1:6" ht="16.5" customHeight="1" x14ac:dyDescent="0.2">
      <c r="A67" s="166"/>
      <c r="B67" s="185">
        <v>1</v>
      </c>
      <c r="C67" s="198" t="s">
        <v>58</v>
      </c>
      <c r="D67" s="199" t="s">
        <v>57</v>
      </c>
      <c r="E67" s="199" t="s">
        <v>756</v>
      </c>
      <c r="F67" s="200">
        <v>42642</v>
      </c>
    </row>
    <row r="68" spans="1:6" ht="16.5" customHeight="1" x14ac:dyDescent="0.2">
      <c r="A68" s="166"/>
      <c r="B68" s="163"/>
      <c r="C68" s="182"/>
      <c r="D68" s="182"/>
      <c r="E68" s="182"/>
      <c r="F68" s="183"/>
    </row>
    <row r="69" spans="1:6" ht="16.5" customHeight="1" x14ac:dyDescent="0.2">
      <c r="A69" s="163"/>
      <c r="B69" s="165" t="s">
        <v>56</v>
      </c>
      <c r="C69" s="163"/>
      <c r="D69" s="163"/>
      <c r="E69" s="182"/>
      <c r="F69" s="183"/>
    </row>
    <row r="70" spans="1:6" ht="16.5" customHeight="1" x14ac:dyDescent="0.2">
      <c r="A70" s="166"/>
      <c r="B70" s="185"/>
      <c r="C70" s="168" t="s">
        <v>21</v>
      </c>
      <c r="D70" s="169" t="s">
        <v>20</v>
      </c>
      <c r="E70" s="169" t="s">
        <v>19</v>
      </c>
      <c r="F70" s="170" t="s">
        <v>18</v>
      </c>
    </row>
    <row r="71" spans="1:6" ht="16.5" customHeight="1" x14ac:dyDescent="0.2">
      <c r="A71" s="166"/>
      <c r="B71" s="172">
        <v>1</v>
      </c>
      <c r="C71" s="189" t="s">
        <v>55</v>
      </c>
      <c r="D71" s="191" t="s">
        <v>54</v>
      </c>
      <c r="E71" s="191" t="s">
        <v>48</v>
      </c>
      <c r="F71" s="192">
        <v>34249</v>
      </c>
    </row>
    <row r="72" spans="1:6" ht="16.5" customHeight="1" x14ac:dyDescent="0.2">
      <c r="A72" s="166"/>
      <c r="B72" s="172">
        <v>2</v>
      </c>
      <c r="C72" s="189" t="s">
        <v>53</v>
      </c>
      <c r="D72" s="191" t="s">
        <v>52</v>
      </c>
      <c r="E72" s="191" t="s">
        <v>51</v>
      </c>
      <c r="F72" s="192">
        <v>33901</v>
      </c>
    </row>
    <row r="73" spans="1:6" ht="16.5" customHeight="1" x14ac:dyDescent="0.2">
      <c r="A73" s="166"/>
      <c r="B73" s="172">
        <v>3</v>
      </c>
      <c r="C73" s="189" t="s">
        <v>50</v>
      </c>
      <c r="D73" s="191" t="s">
        <v>49</v>
      </c>
      <c r="E73" s="191" t="s">
        <v>48</v>
      </c>
      <c r="F73" s="192">
        <v>40964</v>
      </c>
    </row>
    <row r="74" spans="1:6" ht="16.5" customHeight="1" x14ac:dyDescent="0.2">
      <c r="A74" s="166"/>
      <c r="B74" s="172">
        <v>4</v>
      </c>
      <c r="C74" s="189" t="s">
        <v>717</v>
      </c>
      <c r="D74" s="191" t="s">
        <v>47</v>
      </c>
      <c r="E74" s="191" t="s">
        <v>46</v>
      </c>
      <c r="F74" s="192">
        <v>41110</v>
      </c>
    </row>
    <row r="75" spans="1:6" ht="16.5" customHeight="1" x14ac:dyDescent="0.2">
      <c r="A75" s="166"/>
      <c r="B75" s="172">
        <v>5</v>
      </c>
      <c r="C75" s="189" t="s">
        <v>45</v>
      </c>
      <c r="D75" s="191" t="s">
        <v>44</v>
      </c>
      <c r="E75" s="191" t="s">
        <v>754</v>
      </c>
      <c r="F75" s="192">
        <v>33562</v>
      </c>
    </row>
    <row r="76" spans="1:6" ht="16.5" customHeight="1" x14ac:dyDescent="0.2">
      <c r="A76" s="166"/>
      <c r="B76" s="172">
        <v>6</v>
      </c>
      <c r="C76" s="176" t="s">
        <v>43</v>
      </c>
      <c r="D76" s="177" t="s">
        <v>42</v>
      </c>
      <c r="E76" s="177" t="s">
        <v>41</v>
      </c>
      <c r="F76" s="178">
        <v>35398</v>
      </c>
    </row>
    <row r="77" spans="1:6" ht="16.5" customHeight="1" x14ac:dyDescent="0.2">
      <c r="A77" s="166"/>
      <c r="B77" s="201"/>
      <c r="C77" s="202"/>
      <c r="D77" s="202"/>
      <c r="E77" s="202"/>
      <c r="F77" s="203"/>
    </row>
    <row r="78" spans="1:6" ht="16.5" customHeight="1" x14ac:dyDescent="0.2">
      <c r="A78" s="163"/>
      <c r="B78" s="165" t="s">
        <v>40</v>
      </c>
      <c r="C78" s="163"/>
      <c r="D78" s="163"/>
      <c r="E78" s="182"/>
      <c r="F78" s="183"/>
    </row>
    <row r="79" spans="1:6" ht="16.5" customHeight="1" x14ac:dyDescent="0.2">
      <c r="A79" s="166"/>
      <c r="B79" s="185"/>
      <c r="C79" s="168" t="s">
        <v>21</v>
      </c>
      <c r="D79" s="169" t="s">
        <v>20</v>
      </c>
      <c r="E79" s="169" t="s">
        <v>19</v>
      </c>
      <c r="F79" s="170" t="s">
        <v>18</v>
      </c>
    </row>
    <row r="80" spans="1:6" ht="16.5" customHeight="1" x14ac:dyDescent="0.2">
      <c r="A80" s="166"/>
      <c r="B80" s="171">
        <v>1</v>
      </c>
      <c r="C80" s="186" t="s">
        <v>39</v>
      </c>
      <c r="D80" s="199" t="s">
        <v>38</v>
      </c>
      <c r="E80" s="199" t="s">
        <v>37</v>
      </c>
      <c r="F80" s="188">
        <v>41711</v>
      </c>
    </row>
    <row r="81" spans="1:6" ht="16.5" customHeight="1" x14ac:dyDescent="0.2">
      <c r="A81" s="166"/>
      <c r="B81" s="201"/>
      <c r="C81" s="202"/>
      <c r="D81" s="202"/>
      <c r="E81" s="202"/>
      <c r="F81" s="203"/>
    </row>
    <row r="82" spans="1:6" ht="16.5" customHeight="1" x14ac:dyDescent="0.2">
      <c r="A82" s="163"/>
      <c r="B82" s="165" t="s">
        <v>36</v>
      </c>
      <c r="C82" s="163"/>
      <c r="D82" s="163"/>
      <c r="E82" s="182"/>
      <c r="F82" s="183"/>
    </row>
    <row r="83" spans="1:6" ht="16.5" customHeight="1" x14ac:dyDescent="0.2">
      <c r="A83" s="166"/>
      <c r="B83" s="185"/>
      <c r="C83" s="168" t="s">
        <v>21</v>
      </c>
      <c r="D83" s="169" t="s">
        <v>20</v>
      </c>
      <c r="E83" s="169" t="s">
        <v>19</v>
      </c>
      <c r="F83" s="170" t="s">
        <v>18</v>
      </c>
    </row>
    <row r="84" spans="1:6" ht="16.5" customHeight="1" x14ac:dyDescent="0.2">
      <c r="A84" s="166"/>
      <c r="B84" s="171">
        <v>1</v>
      </c>
      <c r="C84" s="186" t="s">
        <v>35</v>
      </c>
      <c r="D84" s="187" t="s">
        <v>34</v>
      </c>
      <c r="E84" s="187" t="s">
        <v>33</v>
      </c>
      <c r="F84" s="188">
        <v>37953</v>
      </c>
    </row>
    <row r="85" spans="1:6" ht="16.5" customHeight="1" x14ac:dyDescent="0.2">
      <c r="A85" s="166"/>
      <c r="B85" s="172">
        <v>2</v>
      </c>
      <c r="C85" s="189" t="s">
        <v>32</v>
      </c>
      <c r="D85" s="191" t="s">
        <v>31</v>
      </c>
      <c r="E85" s="191" t="s">
        <v>30</v>
      </c>
      <c r="F85" s="192">
        <v>38932</v>
      </c>
    </row>
    <row r="86" spans="1:6" ht="16.5" customHeight="1" x14ac:dyDescent="0.2">
      <c r="A86" s="166"/>
      <c r="B86" s="172">
        <v>3</v>
      </c>
      <c r="C86" s="189" t="s">
        <v>29</v>
      </c>
      <c r="D86" s="191" t="s">
        <v>28</v>
      </c>
      <c r="E86" s="191" t="s">
        <v>27</v>
      </c>
      <c r="F86" s="192">
        <v>33488</v>
      </c>
    </row>
    <row r="87" spans="1:6" ht="16.5" customHeight="1" x14ac:dyDescent="0.2">
      <c r="A87" s="166"/>
      <c r="B87" s="172">
        <v>4</v>
      </c>
      <c r="C87" s="189" t="s">
        <v>26</v>
      </c>
      <c r="D87" s="177" t="s">
        <v>25</v>
      </c>
      <c r="E87" s="177" t="s">
        <v>24</v>
      </c>
      <c r="F87" s="192" t="s">
        <v>23</v>
      </c>
    </row>
    <row r="88" spans="1:6" ht="16.5" customHeight="1" x14ac:dyDescent="0.2">
      <c r="A88" s="166"/>
      <c r="B88" s="201"/>
      <c r="C88" s="202"/>
      <c r="D88" s="202"/>
      <c r="E88" s="202"/>
      <c r="F88" s="203"/>
    </row>
    <row r="89" spans="1:6" ht="16.5" customHeight="1" x14ac:dyDescent="0.2">
      <c r="A89" s="163"/>
      <c r="B89" s="165" t="s">
        <v>22</v>
      </c>
      <c r="C89" s="163"/>
      <c r="D89" s="163"/>
      <c r="E89" s="182"/>
      <c r="F89" s="183"/>
    </row>
    <row r="90" spans="1:6" ht="16.5" customHeight="1" x14ac:dyDescent="0.2">
      <c r="A90" s="166"/>
      <c r="B90" s="185"/>
      <c r="C90" s="168" t="s">
        <v>21</v>
      </c>
      <c r="D90" s="169" t="s">
        <v>20</v>
      </c>
      <c r="E90" s="169" t="s">
        <v>19</v>
      </c>
      <c r="F90" s="170" t="s">
        <v>18</v>
      </c>
    </row>
    <row r="91" spans="1:6" ht="16.5" customHeight="1" x14ac:dyDescent="0.2">
      <c r="A91" s="166"/>
      <c r="B91" s="172">
        <v>1</v>
      </c>
      <c r="C91" s="189" t="s">
        <v>17</v>
      </c>
      <c r="D91" s="191" t="s">
        <v>16</v>
      </c>
      <c r="E91" s="191" t="s">
        <v>15</v>
      </c>
      <c r="F91" s="192">
        <v>36853</v>
      </c>
    </row>
    <row r="92" spans="1:6" ht="16.5" customHeight="1" x14ac:dyDescent="0.2">
      <c r="A92" s="166"/>
      <c r="B92" s="172">
        <v>2</v>
      </c>
      <c r="C92" s="189" t="s">
        <v>14</v>
      </c>
      <c r="D92" s="191" t="s">
        <v>13</v>
      </c>
      <c r="E92" s="191" t="s">
        <v>755</v>
      </c>
      <c r="F92" s="192">
        <v>38997</v>
      </c>
    </row>
    <row r="93" spans="1:6" ht="16.5" customHeight="1" x14ac:dyDescent="0.2">
      <c r="A93" s="166"/>
      <c r="B93" s="172">
        <v>3</v>
      </c>
      <c r="C93" s="189" t="s">
        <v>12</v>
      </c>
      <c r="D93" s="191" t="s">
        <v>11</v>
      </c>
      <c r="E93" s="191" t="s">
        <v>10</v>
      </c>
      <c r="F93" s="192">
        <v>27103</v>
      </c>
    </row>
    <row r="94" spans="1:6" ht="16.5" customHeight="1" x14ac:dyDescent="0.2">
      <c r="A94" s="166"/>
      <c r="B94" s="175">
        <v>4</v>
      </c>
      <c r="C94" s="176" t="s">
        <v>9</v>
      </c>
      <c r="D94" s="177" t="s">
        <v>8</v>
      </c>
      <c r="E94" s="177" t="s">
        <v>7</v>
      </c>
      <c r="F94" s="178">
        <v>33922</v>
      </c>
    </row>
    <row r="95" spans="1:6" ht="16.5" customHeight="1" x14ac:dyDescent="0.2">
      <c r="A95" s="163"/>
      <c r="B95" s="163"/>
      <c r="C95" s="182"/>
      <c r="D95" s="163"/>
      <c r="E95" s="197"/>
      <c r="F95" s="197" t="s">
        <v>6</v>
      </c>
    </row>
    <row r="96" spans="1:6" x14ac:dyDescent="0.2">
      <c r="A96" s="204"/>
      <c r="B96" s="163"/>
      <c r="C96" s="163"/>
      <c r="D96" s="163"/>
      <c r="E96" s="163"/>
      <c r="F96" s="17"/>
    </row>
    <row r="97" spans="1:6" x14ac:dyDescent="0.2">
      <c r="A97" s="204"/>
      <c r="B97" s="163"/>
      <c r="C97" s="163"/>
      <c r="D97" s="163"/>
      <c r="E97" s="163"/>
      <c r="F97" s="17"/>
    </row>
    <row r="98" spans="1:6" ht="13.2" customHeight="1" x14ac:dyDescent="0.2">
      <c r="C98" s="326" t="s">
        <v>642</v>
      </c>
      <c r="D98" s="327"/>
      <c r="E98" s="327"/>
      <c r="F98" s="327"/>
    </row>
    <row r="99" spans="1:6" x14ac:dyDescent="0.2">
      <c r="C99" s="327"/>
      <c r="D99" s="327"/>
      <c r="E99" s="327"/>
      <c r="F99" s="327"/>
    </row>
  </sheetData>
  <mergeCells count="3">
    <mergeCell ref="E3:F4"/>
    <mergeCell ref="C51:F52"/>
    <mergeCell ref="C98:F99"/>
  </mergeCells>
  <phoneticPr fontId="4"/>
  <dataValidations count="1">
    <dataValidation imeMode="off" allowBlank="1" showInputMessage="1" showErrorMessage="1" sqref="B71:B76 B80 F80 B84:B87 F84:F87 F91:F94 B67 F67 F71:F76 B91:B94 B57:B64 F6:F50 F57:F63 B6:B51"/>
  </dataValidations>
  <pageMargins left="0.74803149606299213" right="0.78740157480314965" top="0.59055118110236227" bottom="0.59055118110236227" header="0.51181102362204722" footer="0.19685039370078741"/>
  <pageSetup paperSize="9" scale="94" firstPageNumber="53" fitToHeight="0" orientation="portrait" blackAndWhite="1" useFirstPageNumber="1" r:id="rId1"/>
  <headerFooter scaleWithDoc="0" alignWithMargins="0">
    <oddFooter xml:space="preserve">&amp;C&amp;P </oddFooter>
    <firstFooter>&amp;C&amp;"ＭＳ ゴシック,標準"&amp;14 53</firstFooter>
  </headerFooter>
  <rowBreaks count="1" manualBreakCount="1">
    <brk id="52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1:E192"/>
  <sheetViews>
    <sheetView view="pageBreakPreview" topLeftCell="A190" zoomScale="115" zoomScaleNormal="100" zoomScaleSheetLayoutView="115" workbookViewId="0">
      <selection sqref="A1:D192"/>
    </sheetView>
  </sheetViews>
  <sheetFormatPr defaultColWidth="9" defaultRowHeight="10.8" x14ac:dyDescent="0.2"/>
  <cols>
    <col min="1" max="1" width="2.44140625" style="1" customWidth="1"/>
    <col min="2" max="2" width="3.109375" style="16" customWidth="1"/>
    <col min="3" max="3" width="55.6640625" style="1" customWidth="1"/>
    <col min="4" max="4" width="24.77734375" style="1" customWidth="1"/>
    <col min="5" max="16384" width="9" style="1"/>
  </cols>
  <sheetData>
    <row r="1" spans="1:4" ht="13.2" customHeight="1" x14ac:dyDescent="0.2">
      <c r="A1" s="263"/>
      <c r="B1" s="264"/>
      <c r="C1" s="263"/>
      <c r="D1" s="263"/>
    </row>
    <row r="2" spans="1:4" ht="14.4" x14ac:dyDescent="0.2">
      <c r="A2" s="211" t="s">
        <v>757</v>
      </c>
      <c r="B2" s="264"/>
      <c r="C2" s="265"/>
      <c r="D2" s="266"/>
    </row>
    <row r="3" spans="1:4" ht="10.95" customHeight="1" x14ac:dyDescent="0.2">
      <c r="A3" s="211"/>
      <c r="B3" s="264"/>
      <c r="C3" s="263"/>
      <c r="D3" s="267"/>
    </row>
    <row r="4" spans="1:4" ht="12.75" customHeight="1" x14ac:dyDescent="0.2">
      <c r="A4" s="268"/>
      <c r="B4" s="269" t="s">
        <v>758</v>
      </c>
      <c r="C4" s="268"/>
      <c r="D4" s="114" t="s">
        <v>876</v>
      </c>
    </row>
    <row r="5" spans="1:4" ht="13.5" customHeight="1" x14ac:dyDescent="0.2">
      <c r="A5" s="149"/>
      <c r="B5" s="328" t="s">
        <v>652</v>
      </c>
      <c r="C5" s="329"/>
      <c r="D5" s="143" t="s">
        <v>759</v>
      </c>
    </row>
    <row r="6" spans="1:4" ht="13.5" customHeight="1" x14ac:dyDescent="0.2">
      <c r="A6" s="149"/>
      <c r="B6" s="132" t="s">
        <v>298</v>
      </c>
      <c r="C6" s="270"/>
      <c r="D6" s="271" t="s">
        <v>760</v>
      </c>
    </row>
    <row r="7" spans="1:4" ht="12.75" customHeight="1" x14ac:dyDescent="0.2">
      <c r="A7" s="149"/>
      <c r="B7" s="272">
        <v>1</v>
      </c>
      <c r="C7" s="273" t="s">
        <v>429</v>
      </c>
      <c r="D7" s="232" t="s">
        <v>375</v>
      </c>
    </row>
    <row r="8" spans="1:4" ht="12.75" customHeight="1" x14ac:dyDescent="0.2">
      <c r="A8" s="149"/>
      <c r="B8" s="118">
        <v>2</v>
      </c>
      <c r="C8" s="274" t="s">
        <v>428</v>
      </c>
      <c r="D8" s="23" t="s">
        <v>427</v>
      </c>
    </row>
    <row r="9" spans="1:4" ht="12.75" customHeight="1" x14ac:dyDescent="0.2">
      <c r="A9" s="149"/>
      <c r="B9" s="118">
        <v>3</v>
      </c>
      <c r="C9" s="274" t="s">
        <v>718</v>
      </c>
      <c r="D9" s="23" t="s">
        <v>426</v>
      </c>
    </row>
    <row r="10" spans="1:4" ht="12.75" customHeight="1" x14ac:dyDescent="0.2">
      <c r="A10" s="149"/>
      <c r="B10" s="272">
        <v>4</v>
      </c>
      <c r="C10" s="274" t="s">
        <v>425</v>
      </c>
      <c r="D10" s="23" t="s">
        <v>424</v>
      </c>
    </row>
    <row r="11" spans="1:4" ht="12.75" customHeight="1" x14ac:dyDescent="0.2">
      <c r="A11" s="149"/>
      <c r="B11" s="118">
        <v>5</v>
      </c>
      <c r="C11" s="275" t="s">
        <v>423</v>
      </c>
      <c r="D11" s="23" t="s">
        <v>761</v>
      </c>
    </row>
    <row r="12" spans="1:4" ht="12.75" customHeight="1" x14ac:dyDescent="0.2">
      <c r="A12" s="149"/>
      <c r="B12" s="118">
        <v>6</v>
      </c>
      <c r="C12" s="274" t="s">
        <v>422</v>
      </c>
      <c r="D12" s="23" t="s">
        <v>421</v>
      </c>
    </row>
    <row r="13" spans="1:4" ht="12.75" customHeight="1" x14ac:dyDescent="0.2">
      <c r="A13" s="149"/>
      <c r="B13" s="272">
        <v>7</v>
      </c>
      <c r="C13" s="275" t="s">
        <v>420</v>
      </c>
      <c r="D13" s="23" t="s">
        <v>419</v>
      </c>
    </row>
    <row r="14" spans="1:4" ht="12.75" customHeight="1" x14ac:dyDescent="0.2">
      <c r="A14" s="149"/>
      <c r="B14" s="272">
        <v>8</v>
      </c>
      <c r="C14" s="274" t="s">
        <v>646</v>
      </c>
      <c r="D14" s="23" t="s">
        <v>418</v>
      </c>
    </row>
    <row r="15" spans="1:4" ht="12.75" customHeight="1" x14ac:dyDescent="0.2">
      <c r="A15" s="149"/>
      <c r="B15" s="118">
        <v>9</v>
      </c>
      <c r="C15" s="274" t="s">
        <v>417</v>
      </c>
      <c r="D15" s="23" t="s">
        <v>416</v>
      </c>
    </row>
    <row r="16" spans="1:4" ht="12.75" customHeight="1" x14ac:dyDescent="0.2">
      <c r="A16" s="149"/>
      <c r="B16" s="118">
        <v>10</v>
      </c>
      <c r="C16" s="275" t="s">
        <v>415</v>
      </c>
      <c r="D16" s="23" t="s">
        <v>414</v>
      </c>
    </row>
    <row r="17" spans="1:4" ht="12.75" customHeight="1" x14ac:dyDescent="0.2">
      <c r="A17" s="149"/>
      <c r="B17" s="118">
        <v>11</v>
      </c>
      <c r="C17" s="115" t="s">
        <v>413</v>
      </c>
      <c r="D17" s="219"/>
    </row>
    <row r="18" spans="1:4" ht="12.75" customHeight="1" x14ac:dyDescent="0.2">
      <c r="A18" s="149"/>
      <c r="B18" s="330"/>
      <c r="C18" s="275" t="s">
        <v>412</v>
      </c>
      <c r="D18" s="23" t="s">
        <v>411</v>
      </c>
    </row>
    <row r="19" spans="1:4" ht="12.75" customHeight="1" x14ac:dyDescent="0.2">
      <c r="A19" s="149"/>
      <c r="B19" s="331"/>
      <c r="C19" s="275" t="s">
        <v>410</v>
      </c>
      <c r="D19" s="23" t="s">
        <v>409</v>
      </c>
    </row>
    <row r="20" spans="1:4" ht="12.75" customHeight="1" x14ac:dyDescent="0.2">
      <c r="A20" s="149"/>
      <c r="B20" s="331"/>
      <c r="C20" s="275" t="s">
        <v>408</v>
      </c>
      <c r="D20" s="23" t="s">
        <v>407</v>
      </c>
    </row>
    <row r="21" spans="1:4" ht="12.75" customHeight="1" x14ac:dyDescent="0.2">
      <c r="A21" s="149"/>
      <c r="B21" s="331"/>
      <c r="C21" s="275" t="s">
        <v>406</v>
      </c>
      <c r="D21" s="23" t="s">
        <v>405</v>
      </c>
    </row>
    <row r="22" spans="1:4" ht="12.75" customHeight="1" x14ac:dyDescent="0.2">
      <c r="A22" s="149"/>
      <c r="B22" s="331"/>
      <c r="C22" s="275" t="s">
        <v>404</v>
      </c>
      <c r="D22" s="23" t="s">
        <v>403</v>
      </c>
    </row>
    <row r="23" spans="1:4" ht="12.75" customHeight="1" x14ac:dyDescent="0.2">
      <c r="A23" s="149"/>
      <c r="B23" s="331"/>
      <c r="C23" s="275" t="s">
        <v>402</v>
      </c>
      <c r="D23" s="23" t="s">
        <v>401</v>
      </c>
    </row>
    <row r="24" spans="1:4" ht="12.75" customHeight="1" x14ac:dyDescent="0.2">
      <c r="A24" s="149"/>
      <c r="B24" s="331"/>
      <c r="C24" s="275" t="s">
        <v>400</v>
      </c>
      <c r="D24" s="23" t="s">
        <v>399</v>
      </c>
    </row>
    <row r="25" spans="1:4" ht="12.75" customHeight="1" x14ac:dyDescent="0.2">
      <c r="A25" s="149"/>
      <c r="B25" s="331"/>
      <c r="C25" s="275" t="s">
        <v>398</v>
      </c>
      <c r="D25" s="23" t="s">
        <v>397</v>
      </c>
    </row>
    <row r="26" spans="1:4" ht="12.75" customHeight="1" x14ac:dyDescent="0.2">
      <c r="A26" s="149"/>
      <c r="B26" s="331"/>
      <c r="C26" s="275" t="s">
        <v>396</v>
      </c>
      <c r="D26" s="23" t="s">
        <v>395</v>
      </c>
    </row>
    <row r="27" spans="1:4" ht="12.75" customHeight="1" x14ac:dyDescent="0.2">
      <c r="A27" s="149"/>
      <c r="B27" s="331"/>
      <c r="C27" s="275" t="s">
        <v>394</v>
      </c>
      <c r="D27" s="23" t="s">
        <v>393</v>
      </c>
    </row>
    <row r="28" spans="1:4" ht="12.75" customHeight="1" x14ac:dyDescent="0.2">
      <c r="A28" s="149"/>
      <c r="B28" s="331"/>
      <c r="C28" s="275" t="s">
        <v>392</v>
      </c>
      <c r="D28" s="23" t="s">
        <v>391</v>
      </c>
    </row>
    <row r="29" spans="1:4" ht="12.75" customHeight="1" x14ac:dyDescent="0.2">
      <c r="A29" s="149"/>
      <c r="B29" s="331"/>
      <c r="C29" s="275" t="s">
        <v>390</v>
      </c>
      <c r="D29" s="23" t="s">
        <v>389</v>
      </c>
    </row>
    <row r="30" spans="1:4" ht="12.75" customHeight="1" x14ac:dyDescent="0.2">
      <c r="A30" s="149"/>
      <c r="B30" s="331"/>
      <c r="C30" s="275" t="s">
        <v>388</v>
      </c>
      <c r="D30" s="23" t="s">
        <v>387</v>
      </c>
    </row>
    <row r="31" spans="1:4" ht="12.75" customHeight="1" x14ac:dyDescent="0.2">
      <c r="A31" s="149"/>
      <c r="B31" s="331"/>
      <c r="C31" s="115" t="s">
        <v>386</v>
      </c>
      <c r="D31" s="219" t="s">
        <v>385</v>
      </c>
    </row>
    <row r="32" spans="1:4" ht="12.75" customHeight="1" x14ac:dyDescent="0.2">
      <c r="A32" s="149"/>
      <c r="B32" s="331"/>
      <c r="C32" s="115" t="s">
        <v>384</v>
      </c>
      <c r="D32" s="219" t="s">
        <v>383</v>
      </c>
    </row>
    <row r="33" spans="1:4" ht="12.75" customHeight="1" x14ac:dyDescent="0.2">
      <c r="A33" s="149"/>
      <c r="B33" s="331"/>
      <c r="C33" s="115" t="s">
        <v>762</v>
      </c>
      <c r="D33" s="219" t="s">
        <v>763</v>
      </c>
    </row>
    <row r="34" spans="1:4" ht="12.75" customHeight="1" x14ac:dyDescent="0.2">
      <c r="A34" s="149"/>
      <c r="B34" s="332"/>
      <c r="C34" s="275" t="s">
        <v>382</v>
      </c>
      <c r="D34" s="219" t="s">
        <v>381</v>
      </c>
    </row>
    <row r="35" spans="1:4" ht="12.75" customHeight="1" x14ac:dyDescent="0.2">
      <c r="A35" s="149"/>
      <c r="B35" s="118">
        <v>12</v>
      </c>
      <c r="C35" s="276" t="s">
        <v>380</v>
      </c>
      <c r="D35" s="277" t="s">
        <v>379</v>
      </c>
    </row>
    <row r="36" spans="1:4" ht="12.75" customHeight="1" x14ac:dyDescent="0.2">
      <c r="A36" s="149"/>
      <c r="B36" s="118">
        <v>13</v>
      </c>
      <c r="C36" s="274" t="s">
        <v>378</v>
      </c>
      <c r="D36" s="277" t="s">
        <v>377</v>
      </c>
    </row>
    <row r="37" spans="1:4" ht="12.75" customHeight="1" x14ac:dyDescent="0.2">
      <c r="A37" s="149"/>
      <c r="B37" s="118">
        <v>14</v>
      </c>
      <c r="C37" s="274" t="s">
        <v>376</v>
      </c>
      <c r="D37" s="23" t="s">
        <v>375</v>
      </c>
    </row>
    <row r="38" spans="1:4" ht="12.75" customHeight="1" x14ac:dyDescent="0.2">
      <c r="A38" s="149"/>
      <c r="B38" s="118">
        <v>15</v>
      </c>
      <c r="C38" s="274" t="s">
        <v>374</v>
      </c>
      <c r="D38" s="277" t="s">
        <v>373</v>
      </c>
    </row>
    <row r="39" spans="1:4" ht="12.75" customHeight="1" x14ac:dyDescent="0.2">
      <c r="A39" s="149"/>
      <c r="B39" s="278"/>
      <c r="C39" s="279"/>
      <c r="D39" s="123"/>
    </row>
    <row r="40" spans="1:4" ht="12.75" customHeight="1" x14ac:dyDescent="0.2">
      <c r="A40" s="149"/>
      <c r="B40" s="132" t="s">
        <v>273</v>
      </c>
      <c r="C40" s="270"/>
      <c r="D40" s="271" t="s">
        <v>764</v>
      </c>
    </row>
    <row r="41" spans="1:4" ht="13.5" customHeight="1" x14ac:dyDescent="0.2">
      <c r="A41" s="149"/>
      <c r="B41" s="272">
        <v>16</v>
      </c>
      <c r="C41" s="280" t="s">
        <v>372</v>
      </c>
      <c r="D41" s="232" t="s">
        <v>268</v>
      </c>
    </row>
    <row r="42" spans="1:4" ht="12.75" customHeight="1" x14ac:dyDescent="0.2">
      <c r="A42" s="149"/>
      <c r="B42" s="272">
        <v>17</v>
      </c>
      <c r="C42" s="281" t="s">
        <v>371</v>
      </c>
      <c r="D42" s="282" t="s">
        <v>370</v>
      </c>
    </row>
    <row r="43" spans="1:4" ht="12.75" customHeight="1" x14ac:dyDescent="0.2">
      <c r="A43" s="149"/>
      <c r="B43" s="133"/>
      <c r="C43" s="283"/>
      <c r="D43" s="131"/>
    </row>
    <row r="44" spans="1:4" ht="12.75" customHeight="1" x14ac:dyDescent="0.2">
      <c r="A44" s="149"/>
      <c r="B44" s="126" t="s">
        <v>258</v>
      </c>
      <c r="C44" s="270"/>
      <c r="D44" s="284" t="s">
        <v>719</v>
      </c>
    </row>
    <row r="45" spans="1:4" ht="13.5" customHeight="1" x14ac:dyDescent="0.2">
      <c r="A45" s="149"/>
      <c r="B45" s="272">
        <v>18</v>
      </c>
      <c r="C45" s="280" t="s">
        <v>369</v>
      </c>
      <c r="D45" s="49" t="s">
        <v>368</v>
      </c>
    </row>
    <row r="46" spans="1:4" ht="12.75" customHeight="1" x14ac:dyDescent="0.2">
      <c r="A46" s="149"/>
      <c r="B46" s="118">
        <v>19</v>
      </c>
      <c r="C46" s="275" t="s">
        <v>367</v>
      </c>
      <c r="D46" s="23" t="s">
        <v>366</v>
      </c>
    </row>
    <row r="47" spans="1:4" ht="12.75" customHeight="1" x14ac:dyDescent="0.2">
      <c r="A47" s="149"/>
      <c r="B47" s="139"/>
      <c r="C47" s="285"/>
      <c r="D47" s="32"/>
    </row>
    <row r="48" spans="1:4" ht="12.75" customHeight="1" x14ac:dyDescent="0.2">
      <c r="A48" s="149"/>
      <c r="B48" s="132" t="s">
        <v>253</v>
      </c>
      <c r="C48" s="270"/>
      <c r="D48" s="271" t="s">
        <v>765</v>
      </c>
    </row>
    <row r="49" spans="1:4" ht="12.75" customHeight="1" x14ac:dyDescent="0.2">
      <c r="A49" s="149"/>
      <c r="B49" s="272">
        <v>20</v>
      </c>
      <c r="C49" s="280" t="s">
        <v>365</v>
      </c>
      <c r="D49" s="232" t="s">
        <v>364</v>
      </c>
    </row>
    <row r="50" spans="1:4" ht="12.75" customHeight="1" x14ac:dyDescent="0.2">
      <c r="A50" s="149"/>
      <c r="B50" s="139"/>
      <c r="C50" s="286"/>
      <c r="D50" s="32"/>
    </row>
    <row r="51" spans="1:4" ht="12.75" customHeight="1" x14ac:dyDescent="0.2">
      <c r="A51" s="149"/>
      <c r="B51" s="132" t="s">
        <v>237</v>
      </c>
      <c r="C51" s="270"/>
      <c r="D51" s="271" t="s">
        <v>766</v>
      </c>
    </row>
    <row r="52" spans="1:4" ht="12.75" customHeight="1" x14ac:dyDescent="0.2">
      <c r="A52" s="149"/>
      <c r="B52" s="287">
        <v>21</v>
      </c>
      <c r="C52" s="280" t="s">
        <v>363</v>
      </c>
      <c r="D52" s="232" t="s">
        <v>362</v>
      </c>
    </row>
    <row r="53" spans="1:4" ht="12.75" customHeight="1" x14ac:dyDescent="0.2">
      <c r="A53" s="149"/>
      <c r="B53" s="118">
        <v>22</v>
      </c>
      <c r="C53" s="275" t="s">
        <v>361</v>
      </c>
      <c r="D53" s="23" t="s">
        <v>360</v>
      </c>
    </row>
    <row r="54" spans="1:4" ht="12.75" customHeight="1" x14ac:dyDescent="0.2">
      <c r="A54" s="149"/>
      <c r="B54" s="118">
        <v>23</v>
      </c>
      <c r="C54" s="275" t="s">
        <v>359</v>
      </c>
      <c r="D54" s="23" t="s">
        <v>358</v>
      </c>
    </row>
    <row r="55" spans="1:4" ht="12.75" customHeight="1" x14ac:dyDescent="0.2">
      <c r="A55" s="149"/>
      <c r="B55" s="119">
        <v>24</v>
      </c>
      <c r="C55" s="275" t="s">
        <v>357</v>
      </c>
      <c r="D55" s="23" t="s">
        <v>356</v>
      </c>
    </row>
    <row r="56" spans="1:4" ht="12.75" customHeight="1" x14ac:dyDescent="0.2">
      <c r="A56" s="149"/>
      <c r="B56" s="139"/>
      <c r="C56" s="288"/>
      <c r="D56" s="123"/>
    </row>
    <row r="57" spans="1:4" ht="12.75" customHeight="1" x14ac:dyDescent="0.2">
      <c r="A57" s="149"/>
      <c r="B57" s="132" t="s">
        <v>229</v>
      </c>
      <c r="C57" s="270"/>
      <c r="D57" s="271" t="s">
        <v>767</v>
      </c>
    </row>
    <row r="58" spans="1:4" ht="12.75" customHeight="1" x14ac:dyDescent="0.2">
      <c r="A58" s="149"/>
      <c r="B58" s="272">
        <v>25</v>
      </c>
      <c r="C58" s="280" t="s">
        <v>355</v>
      </c>
      <c r="D58" s="232" t="s">
        <v>354</v>
      </c>
    </row>
    <row r="59" spans="1:4" ht="12.75" customHeight="1" x14ac:dyDescent="0.2">
      <c r="A59" s="149"/>
      <c r="B59" s="118">
        <v>26</v>
      </c>
      <c r="C59" s="275" t="s">
        <v>353</v>
      </c>
      <c r="D59" s="23" t="s">
        <v>352</v>
      </c>
    </row>
    <row r="60" spans="1:4" ht="12.75" customHeight="1" x14ac:dyDescent="0.2">
      <c r="A60" s="149"/>
      <c r="B60" s="139"/>
      <c r="C60" s="285"/>
      <c r="D60" s="32"/>
    </row>
    <row r="61" spans="1:4" ht="12.75" customHeight="1" x14ac:dyDescent="0.2">
      <c r="A61" s="149"/>
      <c r="B61" s="289"/>
      <c r="C61" s="290"/>
      <c r="D61" s="291"/>
    </row>
    <row r="62" spans="1:4" ht="12" x14ac:dyDescent="0.2">
      <c r="A62" s="149"/>
      <c r="B62" s="292"/>
      <c r="C62" s="154"/>
      <c r="D62" s="293"/>
    </row>
    <row r="63" spans="1:4" ht="50.25" customHeight="1" x14ac:dyDescent="0.2">
      <c r="A63" s="149"/>
      <c r="B63" s="328" t="s">
        <v>652</v>
      </c>
      <c r="C63" s="333"/>
      <c r="D63" s="143" t="s">
        <v>759</v>
      </c>
    </row>
    <row r="64" spans="1:4" ht="14.25" customHeight="1" x14ac:dyDescent="0.2">
      <c r="A64" s="149"/>
      <c r="B64" s="132" t="s">
        <v>225</v>
      </c>
      <c r="C64" s="270"/>
      <c r="D64" s="271" t="s">
        <v>720</v>
      </c>
    </row>
    <row r="65" spans="1:4" ht="14.25" customHeight="1" x14ac:dyDescent="0.2">
      <c r="A65" s="149"/>
      <c r="B65" s="287">
        <v>27</v>
      </c>
      <c r="C65" s="280" t="s">
        <v>351</v>
      </c>
      <c r="D65" s="232" t="s">
        <v>214</v>
      </c>
    </row>
    <row r="66" spans="1:4" ht="14.25" customHeight="1" x14ac:dyDescent="0.2">
      <c r="A66" s="149"/>
      <c r="B66" s="119">
        <v>28</v>
      </c>
      <c r="C66" s="275" t="s">
        <v>350</v>
      </c>
      <c r="D66" s="23" t="s">
        <v>349</v>
      </c>
    </row>
    <row r="67" spans="1:4" ht="14.25" customHeight="1" x14ac:dyDescent="0.2">
      <c r="A67" s="149"/>
      <c r="B67" s="133">
        <v>29</v>
      </c>
      <c r="C67" s="115" t="s">
        <v>768</v>
      </c>
      <c r="D67" s="28" t="s">
        <v>769</v>
      </c>
    </row>
    <row r="68" spans="1:4" ht="14.25" customHeight="1" x14ac:dyDescent="0.2">
      <c r="A68" s="149"/>
      <c r="B68" s="119">
        <v>30</v>
      </c>
      <c r="C68" s="117" t="s">
        <v>348</v>
      </c>
      <c r="D68" s="52" t="s">
        <v>347</v>
      </c>
    </row>
    <row r="69" spans="1:4" ht="14.25" customHeight="1" x14ac:dyDescent="0.2">
      <c r="A69" s="149"/>
      <c r="B69" s="119">
        <v>31</v>
      </c>
      <c r="C69" s="117" t="s">
        <v>346</v>
      </c>
      <c r="D69" s="25" t="s">
        <v>345</v>
      </c>
    </row>
    <row r="70" spans="1:4" ht="14.25" customHeight="1" x14ac:dyDescent="0.2">
      <c r="A70" s="149"/>
      <c r="B70" s="119">
        <v>32</v>
      </c>
      <c r="C70" s="117" t="s">
        <v>344</v>
      </c>
      <c r="D70" s="25" t="s">
        <v>343</v>
      </c>
    </row>
    <row r="71" spans="1:4" ht="14.25" customHeight="1" x14ac:dyDescent="0.2">
      <c r="A71" s="149"/>
      <c r="B71" s="119">
        <v>33</v>
      </c>
      <c r="C71" s="146" t="s">
        <v>342</v>
      </c>
      <c r="D71" s="48" t="s">
        <v>341</v>
      </c>
    </row>
    <row r="72" spans="1:4" ht="14.25" customHeight="1" x14ac:dyDescent="0.2">
      <c r="A72" s="149"/>
      <c r="B72" s="119">
        <v>34</v>
      </c>
      <c r="C72" s="117" t="s">
        <v>340</v>
      </c>
      <c r="D72" s="25" t="s">
        <v>339</v>
      </c>
    </row>
    <row r="73" spans="1:4" ht="14.25" customHeight="1" x14ac:dyDescent="0.2">
      <c r="A73" s="149"/>
      <c r="B73" s="119">
        <v>35</v>
      </c>
      <c r="C73" s="117" t="s">
        <v>338</v>
      </c>
      <c r="D73" s="25" t="s">
        <v>337</v>
      </c>
    </row>
    <row r="74" spans="1:4" ht="14.25" customHeight="1" x14ac:dyDescent="0.2">
      <c r="A74" s="149"/>
      <c r="B74" s="119">
        <v>36</v>
      </c>
      <c r="C74" s="146" t="s">
        <v>721</v>
      </c>
      <c r="D74" s="46" t="s">
        <v>770</v>
      </c>
    </row>
    <row r="75" spans="1:4" ht="14.25" customHeight="1" x14ac:dyDescent="0.2">
      <c r="A75" s="149"/>
      <c r="B75" s="119">
        <v>37</v>
      </c>
      <c r="C75" s="117" t="s">
        <v>336</v>
      </c>
      <c r="D75" s="25" t="s">
        <v>335</v>
      </c>
    </row>
    <row r="76" spans="1:4" ht="14.25" customHeight="1" x14ac:dyDescent="0.2">
      <c r="A76" s="149"/>
      <c r="B76" s="119">
        <v>38</v>
      </c>
      <c r="C76" s="117" t="s">
        <v>334</v>
      </c>
      <c r="D76" s="25" t="s">
        <v>333</v>
      </c>
    </row>
    <row r="77" spans="1:4" ht="14.25" customHeight="1" x14ac:dyDescent="0.2">
      <c r="A77" s="149"/>
      <c r="B77" s="119">
        <v>39</v>
      </c>
      <c r="C77" s="116" t="s">
        <v>332</v>
      </c>
      <c r="D77" s="52" t="s">
        <v>331</v>
      </c>
    </row>
    <row r="78" spans="1:4" ht="14.25" customHeight="1" x14ac:dyDescent="0.2">
      <c r="A78" s="149"/>
      <c r="B78" s="119">
        <v>40</v>
      </c>
      <c r="C78" s="116" t="s">
        <v>330</v>
      </c>
      <c r="D78" s="52" t="s">
        <v>329</v>
      </c>
    </row>
    <row r="79" spans="1:4" ht="14.25" customHeight="1" x14ac:dyDescent="0.2">
      <c r="A79" s="149"/>
      <c r="B79" s="119">
        <v>41</v>
      </c>
      <c r="C79" s="117" t="s">
        <v>328</v>
      </c>
      <c r="D79" s="52" t="s">
        <v>327</v>
      </c>
    </row>
    <row r="80" spans="1:4" ht="14.25" customHeight="1" x14ac:dyDescent="0.2">
      <c r="A80" s="149"/>
      <c r="B80" s="119">
        <v>42</v>
      </c>
      <c r="C80" s="117" t="s">
        <v>326</v>
      </c>
      <c r="D80" s="294" t="s">
        <v>325</v>
      </c>
    </row>
    <row r="81" spans="1:5" ht="14.25" customHeight="1" x14ac:dyDescent="0.2">
      <c r="A81" s="149"/>
      <c r="B81" s="119">
        <v>43</v>
      </c>
      <c r="C81" s="117" t="s">
        <v>324</v>
      </c>
      <c r="D81" s="52" t="s">
        <v>323</v>
      </c>
    </row>
    <row r="82" spans="1:5" ht="14.25" customHeight="1" x14ac:dyDescent="0.2">
      <c r="A82" s="149"/>
      <c r="B82" s="119">
        <v>44</v>
      </c>
      <c r="C82" s="117" t="s">
        <v>322</v>
      </c>
      <c r="D82" s="25" t="s">
        <v>321</v>
      </c>
    </row>
    <row r="83" spans="1:5" ht="14.25" customHeight="1" x14ac:dyDescent="0.2">
      <c r="A83" s="149"/>
      <c r="B83" s="119">
        <v>45</v>
      </c>
      <c r="C83" s="117" t="s">
        <v>320</v>
      </c>
      <c r="D83" s="52" t="s">
        <v>319</v>
      </c>
    </row>
    <row r="84" spans="1:5" ht="14.25" customHeight="1" x14ac:dyDescent="0.2">
      <c r="A84" s="149"/>
      <c r="B84" s="119">
        <v>46</v>
      </c>
      <c r="C84" s="117" t="s">
        <v>318</v>
      </c>
      <c r="D84" s="277" t="s">
        <v>317</v>
      </c>
    </row>
    <row r="85" spans="1:5" ht="14.25" customHeight="1" x14ac:dyDescent="0.2">
      <c r="A85" s="149"/>
      <c r="B85" s="119">
        <v>47</v>
      </c>
      <c r="C85" s="117" t="s">
        <v>316</v>
      </c>
      <c r="D85" s="25" t="s">
        <v>315</v>
      </c>
    </row>
    <row r="86" spans="1:5" ht="14.25" customHeight="1" x14ac:dyDescent="0.2">
      <c r="A86" s="149"/>
      <c r="B86" s="119">
        <v>48</v>
      </c>
      <c r="C86" s="136" t="s">
        <v>314</v>
      </c>
      <c r="D86" s="137" t="s">
        <v>771</v>
      </c>
    </row>
    <row r="87" spans="1:5" ht="14.25" customHeight="1" x14ac:dyDescent="0.2">
      <c r="A87" s="149"/>
      <c r="B87" s="119">
        <v>49</v>
      </c>
      <c r="C87" s="117" t="s">
        <v>313</v>
      </c>
      <c r="D87" s="23" t="s">
        <v>312</v>
      </c>
    </row>
    <row r="88" spans="1:5" ht="14.25" customHeight="1" x14ac:dyDescent="0.2">
      <c r="A88" s="149"/>
      <c r="B88" s="295"/>
      <c r="C88" s="140"/>
      <c r="D88" s="33"/>
    </row>
    <row r="89" spans="1:5" ht="14.25" customHeight="1" x14ac:dyDescent="0.2">
      <c r="A89" s="149"/>
      <c r="B89" s="132" t="s">
        <v>204</v>
      </c>
      <c r="C89" s="127"/>
      <c r="D89" s="128" t="s">
        <v>772</v>
      </c>
    </row>
    <row r="90" spans="1:5" ht="14.25" customHeight="1" x14ac:dyDescent="0.2">
      <c r="A90" s="296"/>
      <c r="B90" s="272">
        <v>50</v>
      </c>
      <c r="C90" s="116" t="s">
        <v>311</v>
      </c>
      <c r="D90" s="52" t="s">
        <v>310</v>
      </c>
    </row>
    <row r="91" spans="1:5" ht="14.25" customHeight="1" x14ac:dyDescent="0.2">
      <c r="A91" s="296"/>
      <c r="B91" s="118">
        <v>51</v>
      </c>
      <c r="C91" s="117" t="s">
        <v>309</v>
      </c>
      <c r="D91" s="25" t="s">
        <v>308</v>
      </c>
    </row>
    <row r="92" spans="1:5" s="2" customFormat="1" ht="14.25" customHeight="1" x14ac:dyDescent="0.2">
      <c r="A92" s="296"/>
      <c r="B92" s="118">
        <v>52</v>
      </c>
      <c r="C92" s="117" t="s">
        <v>307</v>
      </c>
      <c r="D92" s="25" t="s">
        <v>773</v>
      </c>
      <c r="E92" s="1"/>
    </row>
    <row r="93" spans="1:5" s="2" customFormat="1" ht="14.25" customHeight="1" x14ac:dyDescent="0.2">
      <c r="A93" s="296"/>
      <c r="B93" s="139"/>
      <c r="C93" s="140"/>
      <c r="D93" s="33"/>
      <c r="E93" s="1"/>
    </row>
    <row r="94" spans="1:5" s="2" customFormat="1" ht="14.25" customHeight="1" x14ac:dyDescent="0.2">
      <c r="A94" s="149"/>
      <c r="B94" s="132" t="s">
        <v>197</v>
      </c>
      <c r="C94" s="127"/>
      <c r="D94" s="128" t="s">
        <v>774</v>
      </c>
      <c r="E94" s="1"/>
    </row>
    <row r="95" spans="1:5" s="2" customFormat="1" ht="14.25" customHeight="1" x14ac:dyDescent="0.2">
      <c r="A95" s="296"/>
      <c r="B95" s="272">
        <v>53</v>
      </c>
      <c r="C95" s="116" t="s">
        <v>306</v>
      </c>
      <c r="D95" s="52" t="s">
        <v>305</v>
      </c>
      <c r="E95" s="1"/>
    </row>
    <row r="96" spans="1:5" ht="14.25" customHeight="1" x14ac:dyDescent="0.2">
      <c r="A96" s="296"/>
      <c r="B96" s="118">
        <v>54</v>
      </c>
      <c r="C96" s="117" t="s">
        <v>304</v>
      </c>
      <c r="D96" s="25" t="s">
        <v>303</v>
      </c>
    </row>
    <row r="97" spans="1:5" s="2" customFormat="1" ht="14.25" customHeight="1" x14ac:dyDescent="0.2">
      <c r="A97" s="296"/>
      <c r="B97" s="118">
        <v>55</v>
      </c>
      <c r="C97" s="117" t="s">
        <v>302</v>
      </c>
      <c r="D97" s="25" t="s">
        <v>301</v>
      </c>
      <c r="E97" s="1"/>
    </row>
    <row r="98" spans="1:5" s="2" customFormat="1" ht="14.25" customHeight="1" x14ac:dyDescent="0.2">
      <c r="A98" s="296"/>
      <c r="B98" s="118">
        <v>56</v>
      </c>
      <c r="C98" s="117" t="s">
        <v>643</v>
      </c>
      <c r="D98" s="25" t="s">
        <v>300</v>
      </c>
      <c r="E98" s="1"/>
    </row>
    <row r="99" spans="1:5" s="2" customFormat="1" ht="14.25" customHeight="1" x14ac:dyDescent="0.2">
      <c r="A99" s="296"/>
      <c r="B99" s="133"/>
      <c r="C99" s="146"/>
      <c r="D99" s="48"/>
      <c r="E99" s="1"/>
    </row>
    <row r="100" spans="1:5" s="2" customFormat="1" ht="14.25" customHeight="1" x14ac:dyDescent="0.2">
      <c r="A100" s="296"/>
      <c r="B100" s="147"/>
      <c r="C100" s="140"/>
      <c r="D100" s="32"/>
      <c r="E100" s="1"/>
    </row>
    <row r="101" spans="1:5" s="2" customFormat="1" ht="14.25" customHeight="1" x14ac:dyDescent="0.2">
      <c r="A101" s="149"/>
      <c r="B101" s="297"/>
      <c r="C101" s="296"/>
      <c r="D101" s="114" t="s">
        <v>299</v>
      </c>
      <c r="E101" s="1"/>
    </row>
    <row r="102" spans="1:5" s="2" customFormat="1" ht="14.25" customHeight="1" x14ac:dyDescent="0.2">
      <c r="A102" s="149"/>
      <c r="B102" s="297"/>
      <c r="C102" s="296"/>
      <c r="D102" s="296"/>
      <c r="E102" s="1"/>
    </row>
    <row r="103" spans="1:5" s="2" customFormat="1" ht="14.25" customHeight="1" x14ac:dyDescent="0.2">
      <c r="A103" s="298"/>
      <c r="B103" s="299" t="s">
        <v>653</v>
      </c>
      <c r="C103" s="149"/>
      <c r="D103" s="114" t="s">
        <v>876</v>
      </c>
      <c r="E103" s="1"/>
    </row>
    <row r="104" spans="1:5" s="2" customFormat="1" ht="14.25" customHeight="1" x14ac:dyDescent="0.2">
      <c r="A104" s="298"/>
      <c r="B104" s="328" t="s">
        <v>652</v>
      </c>
      <c r="C104" s="333"/>
      <c r="D104" s="143" t="s">
        <v>759</v>
      </c>
      <c r="E104" s="1"/>
    </row>
    <row r="105" spans="1:5" ht="14.25" customHeight="1" x14ac:dyDescent="0.2">
      <c r="A105" s="298"/>
      <c r="B105" s="132" t="s">
        <v>298</v>
      </c>
      <c r="C105" s="127"/>
      <c r="D105" s="128" t="s">
        <v>760</v>
      </c>
    </row>
    <row r="106" spans="1:5" ht="14.25" customHeight="1" x14ac:dyDescent="0.2">
      <c r="A106" s="149"/>
      <c r="B106" s="287">
        <v>1</v>
      </c>
      <c r="C106" s="116" t="s">
        <v>297</v>
      </c>
      <c r="D106" s="52" t="s">
        <v>775</v>
      </c>
    </row>
    <row r="107" spans="1:5" ht="14.25" customHeight="1" x14ac:dyDescent="0.2">
      <c r="A107" s="149"/>
      <c r="B107" s="118">
        <v>2</v>
      </c>
      <c r="C107" s="117" t="s">
        <v>296</v>
      </c>
      <c r="D107" s="25" t="s">
        <v>295</v>
      </c>
    </row>
    <row r="108" spans="1:5" ht="14.25" customHeight="1" x14ac:dyDescent="0.2">
      <c r="A108" s="149"/>
      <c r="B108" s="119">
        <v>3</v>
      </c>
      <c r="C108" s="117" t="s">
        <v>294</v>
      </c>
      <c r="D108" s="25" t="s">
        <v>776</v>
      </c>
    </row>
    <row r="109" spans="1:5" ht="14.25" customHeight="1" x14ac:dyDescent="0.2">
      <c r="A109" s="149"/>
      <c r="B109" s="118">
        <v>4</v>
      </c>
      <c r="C109" s="116" t="s">
        <v>293</v>
      </c>
      <c r="D109" s="52" t="s">
        <v>292</v>
      </c>
    </row>
    <row r="110" spans="1:5" ht="14.25" customHeight="1" x14ac:dyDescent="0.2">
      <c r="A110" s="149"/>
      <c r="B110" s="119">
        <v>5</v>
      </c>
      <c r="C110" s="117" t="s">
        <v>291</v>
      </c>
      <c r="D110" s="25" t="s">
        <v>290</v>
      </c>
    </row>
    <row r="111" spans="1:5" ht="14.25" customHeight="1" x14ac:dyDescent="0.2">
      <c r="A111" s="149"/>
      <c r="B111" s="118">
        <v>6</v>
      </c>
      <c r="C111" s="117" t="s">
        <v>289</v>
      </c>
      <c r="D111" s="25" t="s">
        <v>777</v>
      </c>
    </row>
    <row r="112" spans="1:5" ht="14.25" customHeight="1" x14ac:dyDescent="0.2">
      <c r="A112" s="149"/>
      <c r="B112" s="118">
        <v>7</v>
      </c>
      <c r="C112" s="117" t="s">
        <v>288</v>
      </c>
      <c r="D112" s="25" t="s">
        <v>778</v>
      </c>
    </row>
    <row r="113" spans="1:4" ht="14.25" customHeight="1" x14ac:dyDescent="0.2">
      <c r="A113" s="149"/>
      <c r="B113" s="119">
        <v>8</v>
      </c>
      <c r="C113" s="117" t="s">
        <v>287</v>
      </c>
      <c r="D113" s="25" t="s">
        <v>286</v>
      </c>
    </row>
    <row r="114" spans="1:4" ht="14.25" customHeight="1" x14ac:dyDescent="0.2">
      <c r="A114" s="149"/>
      <c r="B114" s="119">
        <v>9</v>
      </c>
      <c r="C114" s="116" t="s">
        <v>285</v>
      </c>
      <c r="D114" s="52" t="s">
        <v>284</v>
      </c>
    </row>
    <row r="115" spans="1:4" ht="14.25" customHeight="1" x14ac:dyDescent="0.2">
      <c r="A115" s="149"/>
      <c r="B115" s="119">
        <v>10</v>
      </c>
      <c r="C115" s="116" t="s">
        <v>283</v>
      </c>
      <c r="D115" s="52" t="s">
        <v>282</v>
      </c>
    </row>
    <row r="116" spans="1:4" ht="14.25" customHeight="1" x14ac:dyDescent="0.2">
      <c r="A116" s="149"/>
      <c r="B116" s="119">
        <v>11</v>
      </c>
      <c r="C116" s="136" t="s">
        <v>281</v>
      </c>
      <c r="D116" s="277" t="s">
        <v>280</v>
      </c>
    </row>
    <row r="117" spans="1:4" ht="14.25" customHeight="1" x14ac:dyDescent="0.2">
      <c r="A117" s="149"/>
      <c r="B117" s="118">
        <v>12</v>
      </c>
      <c r="C117" s="117" t="s">
        <v>279</v>
      </c>
      <c r="D117" s="35" t="s">
        <v>278</v>
      </c>
    </row>
    <row r="118" spans="1:4" ht="14.25" customHeight="1" x14ac:dyDescent="0.2">
      <c r="A118" s="149"/>
      <c r="B118" s="118">
        <v>13</v>
      </c>
      <c r="C118" s="117" t="s">
        <v>277</v>
      </c>
      <c r="D118" s="25" t="s">
        <v>276</v>
      </c>
    </row>
    <row r="119" spans="1:4" ht="14.25" customHeight="1" x14ac:dyDescent="0.2">
      <c r="A119" s="149"/>
      <c r="B119" s="119">
        <v>14</v>
      </c>
      <c r="C119" s="117" t="s">
        <v>275</v>
      </c>
      <c r="D119" s="25" t="s">
        <v>274</v>
      </c>
    </row>
    <row r="120" spans="1:4" ht="14.25" customHeight="1" x14ac:dyDescent="0.2">
      <c r="A120" s="149"/>
      <c r="B120" s="120">
        <v>15</v>
      </c>
      <c r="C120" s="117" t="s">
        <v>722</v>
      </c>
      <c r="D120" s="35" t="s">
        <v>644</v>
      </c>
    </row>
    <row r="121" spans="1:4" ht="14.25" customHeight="1" x14ac:dyDescent="0.2">
      <c r="A121" s="149"/>
      <c r="B121" s="121"/>
      <c r="C121" s="122"/>
      <c r="D121" s="123"/>
    </row>
    <row r="122" spans="1:4" ht="14.25" customHeight="1" x14ac:dyDescent="0.2">
      <c r="A122" s="149"/>
      <c r="B122" s="124" t="s">
        <v>273</v>
      </c>
      <c r="C122" s="116"/>
      <c r="D122" s="125" t="s">
        <v>649</v>
      </c>
    </row>
    <row r="123" spans="1:4" ht="14.25" customHeight="1" x14ac:dyDescent="0.2">
      <c r="A123" s="149"/>
      <c r="B123" s="118">
        <v>16</v>
      </c>
      <c r="C123" s="116" t="s">
        <v>272</v>
      </c>
      <c r="D123" s="52" t="s">
        <v>271</v>
      </c>
    </row>
    <row r="124" spans="1:4" ht="14.25" customHeight="1" x14ac:dyDescent="0.2">
      <c r="A124" s="149"/>
      <c r="B124" s="118">
        <v>17</v>
      </c>
      <c r="C124" s="116" t="s">
        <v>270</v>
      </c>
      <c r="D124" s="52" t="s">
        <v>269</v>
      </c>
    </row>
    <row r="125" spans="1:4" ht="14.25" customHeight="1" x14ac:dyDescent="0.2">
      <c r="A125" s="149"/>
      <c r="B125" s="118">
        <v>18</v>
      </c>
      <c r="C125" s="116" t="s">
        <v>893</v>
      </c>
      <c r="D125" s="52" t="s">
        <v>268</v>
      </c>
    </row>
    <row r="126" spans="1:4" ht="14.25" customHeight="1" x14ac:dyDescent="0.2">
      <c r="A126" s="149"/>
      <c r="B126" s="118">
        <v>19</v>
      </c>
      <c r="C126" s="116" t="s">
        <v>267</v>
      </c>
      <c r="D126" s="52" t="s">
        <v>266</v>
      </c>
    </row>
    <row r="127" spans="1:4" ht="14.25" customHeight="1" x14ac:dyDescent="0.2">
      <c r="A127" s="149"/>
      <c r="B127" s="118">
        <v>20</v>
      </c>
      <c r="C127" s="116" t="s">
        <v>265</v>
      </c>
      <c r="D127" s="52" t="s">
        <v>264</v>
      </c>
    </row>
    <row r="128" spans="1:4" ht="14.25" customHeight="1" x14ac:dyDescent="0.2">
      <c r="A128" s="149"/>
      <c r="B128" s="118">
        <v>21</v>
      </c>
      <c r="C128" s="117" t="s">
        <v>263</v>
      </c>
      <c r="D128" s="25" t="s">
        <v>262</v>
      </c>
    </row>
    <row r="129" spans="1:4" ht="14.25" customHeight="1" x14ac:dyDescent="0.2">
      <c r="A129" s="149"/>
      <c r="B129" s="118">
        <v>22</v>
      </c>
      <c r="C129" s="116" t="s">
        <v>261</v>
      </c>
      <c r="D129" s="39" t="s">
        <v>260</v>
      </c>
    </row>
    <row r="130" spans="1:4" ht="14.25" customHeight="1" x14ac:dyDescent="0.2">
      <c r="A130" s="149"/>
      <c r="B130" s="118">
        <v>23</v>
      </c>
      <c r="C130" s="117" t="s">
        <v>723</v>
      </c>
      <c r="D130" s="20" t="s">
        <v>259</v>
      </c>
    </row>
    <row r="131" spans="1:4" ht="14.25" customHeight="1" x14ac:dyDescent="0.2">
      <c r="A131" s="149"/>
      <c r="B131" s="300"/>
      <c r="C131" s="301"/>
      <c r="D131" s="302"/>
    </row>
    <row r="132" spans="1:4" ht="14.25" customHeight="1" x14ac:dyDescent="0.2">
      <c r="A132" s="149"/>
      <c r="B132" s="126" t="s">
        <v>258</v>
      </c>
      <c r="C132" s="127"/>
      <c r="D132" s="128" t="s">
        <v>719</v>
      </c>
    </row>
    <row r="133" spans="1:4" ht="14.25" customHeight="1" x14ac:dyDescent="0.2">
      <c r="A133" s="149"/>
      <c r="B133" s="272">
        <v>24</v>
      </c>
      <c r="C133" s="116" t="s">
        <v>257</v>
      </c>
      <c r="D133" s="52" t="s">
        <v>256</v>
      </c>
    </row>
    <row r="134" spans="1:4" ht="14.25" customHeight="1" x14ac:dyDescent="0.2">
      <c r="A134" s="149"/>
      <c r="B134" s="303">
        <v>25</v>
      </c>
      <c r="C134" s="117" t="s">
        <v>255</v>
      </c>
      <c r="D134" s="48" t="s">
        <v>254</v>
      </c>
    </row>
    <row r="135" spans="1:4" ht="14.25" customHeight="1" x14ac:dyDescent="0.2">
      <c r="A135" s="149"/>
      <c r="B135" s="129"/>
      <c r="C135" s="130"/>
      <c r="D135" s="131"/>
    </row>
    <row r="136" spans="1:4" ht="14.25" customHeight="1" x14ac:dyDescent="0.2">
      <c r="A136" s="149"/>
      <c r="B136" s="132" t="s">
        <v>253</v>
      </c>
      <c r="C136" s="127"/>
      <c r="D136" s="128" t="s">
        <v>765</v>
      </c>
    </row>
    <row r="137" spans="1:4" ht="14.25" customHeight="1" x14ac:dyDescent="0.2">
      <c r="A137" s="149"/>
      <c r="B137" s="272">
        <v>26</v>
      </c>
      <c r="C137" s="116" t="s">
        <v>252</v>
      </c>
      <c r="D137" s="52" t="s">
        <v>251</v>
      </c>
    </row>
    <row r="138" spans="1:4" ht="14.25" customHeight="1" x14ac:dyDescent="0.2">
      <c r="A138" s="149"/>
      <c r="B138" s="118">
        <v>27</v>
      </c>
      <c r="C138" s="116" t="s">
        <v>250</v>
      </c>
      <c r="D138" s="52" t="s">
        <v>249</v>
      </c>
    </row>
    <row r="139" spans="1:4" ht="14.25" customHeight="1" x14ac:dyDescent="0.2">
      <c r="A139" s="149"/>
      <c r="B139" s="118">
        <v>28</v>
      </c>
      <c r="C139" s="116" t="s">
        <v>248</v>
      </c>
      <c r="D139" s="52" t="s">
        <v>247</v>
      </c>
    </row>
    <row r="140" spans="1:4" ht="14.25" customHeight="1" x14ac:dyDescent="0.2">
      <c r="A140" s="149"/>
      <c r="B140" s="118">
        <v>29</v>
      </c>
      <c r="C140" s="304" t="s">
        <v>855</v>
      </c>
      <c r="D140" s="30" t="s">
        <v>856</v>
      </c>
    </row>
    <row r="141" spans="1:4" ht="14.25" customHeight="1" x14ac:dyDescent="0.2">
      <c r="A141" s="149"/>
      <c r="B141" s="278"/>
      <c r="C141" s="305"/>
      <c r="D141" s="20"/>
    </row>
    <row r="142" spans="1:4" ht="14.25" customHeight="1" x14ac:dyDescent="0.2">
      <c r="A142" s="149"/>
      <c r="B142" s="132" t="s">
        <v>246</v>
      </c>
      <c r="C142" s="127"/>
      <c r="D142" s="128" t="s">
        <v>779</v>
      </c>
    </row>
    <row r="143" spans="1:4" ht="14.25" customHeight="1" x14ac:dyDescent="0.2">
      <c r="A143" s="149"/>
      <c r="B143" s="272">
        <v>30</v>
      </c>
      <c r="C143" s="116" t="s">
        <v>245</v>
      </c>
      <c r="D143" s="52" t="s">
        <v>244</v>
      </c>
    </row>
    <row r="144" spans="1:4" ht="14.25" customHeight="1" x14ac:dyDescent="0.2">
      <c r="A144" s="149"/>
      <c r="B144" s="118">
        <v>31</v>
      </c>
      <c r="C144" s="116" t="s">
        <v>243</v>
      </c>
      <c r="D144" s="52" t="s">
        <v>242</v>
      </c>
    </row>
    <row r="145" spans="1:4" ht="14.25" customHeight="1" x14ac:dyDescent="0.2">
      <c r="A145" s="149"/>
      <c r="B145" s="118">
        <v>32</v>
      </c>
      <c r="C145" s="116" t="s">
        <v>241</v>
      </c>
      <c r="D145" s="52" t="s">
        <v>240</v>
      </c>
    </row>
    <row r="146" spans="1:4" ht="14.25" customHeight="1" x14ac:dyDescent="0.2">
      <c r="A146" s="149"/>
      <c r="B146" s="118">
        <v>33</v>
      </c>
      <c r="C146" s="116" t="s">
        <v>239</v>
      </c>
      <c r="D146" s="52" t="s">
        <v>238</v>
      </c>
    </row>
    <row r="147" spans="1:4" ht="14.25" customHeight="1" x14ac:dyDescent="0.2">
      <c r="A147" s="149"/>
      <c r="B147" s="133"/>
      <c r="C147" s="134"/>
      <c r="D147" s="135"/>
    </row>
    <row r="148" spans="1:4" ht="14.25" customHeight="1" x14ac:dyDescent="0.2">
      <c r="A148" s="149"/>
      <c r="B148" s="132" t="s">
        <v>237</v>
      </c>
      <c r="C148" s="127"/>
      <c r="D148" s="128" t="s">
        <v>766</v>
      </c>
    </row>
    <row r="149" spans="1:4" ht="14.25" customHeight="1" x14ac:dyDescent="0.2">
      <c r="A149" s="149"/>
      <c r="B149" s="272">
        <v>34</v>
      </c>
      <c r="C149" s="116" t="s">
        <v>236</v>
      </c>
      <c r="D149" s="52" t="s">
        <v>230</v>
      </c>
    </row>
    <row r="150" spans="1:4" ht="14.25" customHeight="1" x14ac:dyDescent="0.2">
      <c r="A150" s="149"/>
      <c r="B150" s="118">
        <v>35</v>
      </c>
      <c r="C150" s="116" t="s">
        <v>235</v>
      </c>
      <c r="D150" s="52" t="s">
        <v>234</v>
      </c>
    </row>
    <row r="151" spans="1:4" ht="14.25" customHeight="1" x14ac:dyDescent="0.2">
      <c r="A151" s="149"/>
      <c r="B151" s="118">
        <v>36</v>
      </c>
      <c r="C151" s="136" t="s">
        <v>233</v>
      </c>
      <c r="D151" s="137" t="s">
        <v>232</v>
      </c>
    </row>
    <row r="152" spans="1:4" ht="14.25" customHeight="1" x14ac:dyDescent="0.2">
      <c r="A152" s="149"/>
      <c r="B152" s="118">
        <v>37</v>
      </c>
      <c r="C152" s="117" t="s">
        <v>231</v>
      </c>
      <c r="D152" s="25" t="s">
        <v>230</v>
      </c>
    </row>
    <row r="153" spans="1:4" ht="14.25" customHeight="1" x14ac:dyDescent="0.2">
      <c r="A153" s="149"/>
      <c r="B153" s="133"/>
      <c r="C153" s="138"/>
      <c r="D153" s="35"/>
    </row>
    <row r="154" spans="1:4" ht="14.25" customHeight="1" x14ac:dyDescent="0.2">
      <c r="A154" s="149"/>
      <c r="B154" s="132" t="s">
        <v>229</v>
      </c>
      <c r="C154" s="127"/>
      <c r="D154" s="128" t="s">
        <v>767</v>
      </c>
    </row>
    <row r="155" spans="1:4" ht="14.25" customHeight="1" x14ac:dyDescent="0.2">
      <c r="A155" s="149"/>
      <c r="B155" s="272">
        <v>38</v>
      </c>
      <c r="C155" s="116" t="s">
        <v>228</v>
      </c>
      <c r="D155" s="52" t="s">
        <v>227</v>
      </c>
    </row>
    <row r="156" spans="1:4" ht="14.25" customHeight="1" x14ac:dyDescent="0.2">
      <c r="A156" s="149"/>
      <c r="B156" s="118">
        <v>39</v>
      </c>
      <c r="C156" s="116" t="s">
        <v>226</v>
      </c>
      <c r="D156" s="52" t="s">
        <v>780</v>
      </c>
    </row>
    <row r="157" spans="1:4" ht="14.25" customHeight="1" x14ac:dyDescent="0.2">
      <c r="A157" s="149"/>
      <c r="B157" s="139"/>
      <c r="C157" s="140"/>
      <c r="D157" s="33"/>
    </row>
    <row r="158" spans="1:4" ht="14.25" customHeight="1" x14ac:dyDescent="0.2">
      <c r="A158" s="149"/>
      <c r="B158" s="141"/>
      <c r="C158" s="142"/>
      <c r="D158" s="142"/>
    </row>
    <row r="159" spans="1:4" ht="14.25" customHeight="1" x14ac:dyDescent="0.2">
      <c r="A159" s="149"/>
      <c r="B159" s="328" t="s">
        <v>652</v>
      </c>
      <c r="C159" s="333"/>
      <c r="D159" s="143" t="s">
        <v>759</v>
      </c>
    </row>
    <row r="160" spans="1:4" ht="14.25" customHeight="1" x14ac:dyDescent="0.2">
      <c r="A160" s="149"/>
      <c r="B160" s="132" t="s">
        <v>225</v>
      </c>
      <c r="C160" s="127"/>
      <c r="D160" s="128" t="s">
        <v>720</v>
      </c>
    </row>
    <row r="161" spans="1:4" ht="14.25" customHeight="1" x14ac:dyDescent="0.2">
      <c r="A161" s="149"/>
      <c r="B161" s="287">
        <v>40</v>
      </c>
      <c r="C161" s="116" t="s">
        <v>224</v>
      </c>
      <c r="D161" s="52" t="s">
        <v>223</v>
      </c>
    </row>
    <row r="162" spans="1:4" ht="14.25" customHeight="1" x14ac:dyDescent="0.2">
      <c r="A162" s="149"/>
      <c r="B162" s="119">
        <v>41</v>
      </c>
      <c r="C162" s="117" t="s">
        <v>222</v>
      </c>
      <c r="D162" s="30" t="s">
        <v>221</v>
      </c>
    </row>
    <row r="163" spans="1:4" ht="14.25" customHeight="1" x14ac:dyDescent="0.2">
      <c r="A163" s="149"/>
      <c r="B163" s="119">
        <v>42</v>
      </c>
      <c r="C163" s="117" t="s">
        <v>220</v>
      </c>
      <c r="D163" s="25" t="s">
        <v>781</v>
      </c>
    </row>
    <row r="164" spans="1:4" ht="14.25" customHeight="1" x14ac:dyDescent="0.2">
      <c r="A164" s="149"/>
      <c r="B164" s="287">
        <v>43</v>
      </c>
      <c r="C164" s="117" t="s">
        <v>219</v>
      </c>
      <c r="D164" s="25" t="s">
        <v>218</v>
      </c>
    </row>
    <row r="165" spans="1:4" ht="14.25" customHeight="1" x14ac:dyDescent="0.2">
      <c r="A165" s="149"/>
      <c r="B165" s="119">
        <v>44</v>
      </c>
      <c r="C165" s="117" t="s">
        <v>217</v>
      </c>
      <c r="D165" s="25" t="s">
        <v>216</v>
      </c>
    </row>
    <row r="166" spans="1:4" ht="14.25" customHeight="1" x14ac:dyDescent="0.2">
      <c r="A166" s="149"/>
      <c r="B166" s="119">
        <v>45</v>
      </c>
      <c r="C166" s="117" t="s">
        <v>215</v>
      </c>
      <c r="D166" s="25" t="s">
        <v>214</v>
      </c>
    </row>
    <row r="167" spans="1:4" ht="14.25" customHeight="1" x14ac:dyDescent="0.2">
      <c r="A167" s="149"/>
      <c r="B167" s="287">
        <v>46</v>
      </c>
      <c r="C167" s="117" t="s">
        <v>213</v>
      </c>
      <c r="D167" s="25" t="s">
        <v>212</v>
      </c>
    </row>
    <row r="168" spans="1:4" ht="14.25" customHeight="1" x14ac:dyDescent="0.2">
      <c r="A168" s="149"/>
      <c r="B168" s="119">
        <v>47</v>
      </c>
      <c r="C168" s="117" t="s">
        <v>211</v>
      </c>
      <c r="D168" s="25" t="s">
        <v>782</v>
      </c>
    </row>
    <row r="169" spans="1:4" ht="14.25" customHeight="1" x14ac:dyDescent="0.2">
      <c r="A169" s="149"/>
      <c r="B169" s="119">
        <v>48</v>
      </c>
      <c r="C169" s="117" t="s">
        <v>783</v>
      </c>
      <c r="D169" s="25" t="s">
        <v>210</v>
      </c>
    </row>
    <row r="170" spans="1:4" ht="14.25" customHeight="1" x14ac:dyDescent="0.2">
      <c r="A170" s="149"/>
      <c r="B170" s="287">
        <v>49</v>
      </c>
      <c r="C170" s="136" t="s">
        <v>209</v>
      </c>
      <c r="D170" s="137" t="s">
        <v>208</v>
      </c>
    </row>
    <row r="171" spans="1:4" ht="14.25" customHeight="1" x14ac:dyDescent="0.2">
      <c r="A171" s="149"/>
      <c r="B171" s="119">
        <v>50</v>
      </c>
      <c r="C171" s="117" t="s">
        <v>207</v>
      </c>
      <c r="D171" s="30" t="s">
        <v>784</v>
      </c>
    </row>
    <row r="172" spans="1:4" ht="14.25" customHeight="1" x14ac:dyDescent="0.2">
      <c r="A172" s="149"/>
      <c r="B172" s="119">
        <v>51</v>
      </c>
      <c r="C172" s="144" t="s">
        <v>206</v>
      </c>
      <c r="D172" s="145" t="s">
        <v>205</v>
      </c>
    </row>
    <row r="173" spans="1:4" ht="14.25" customHeight="1" x14ac:dyDescent="0.2">
      <c r="A173" s="149"/>
      <c r="B173" s="287">
        <v>52</v>
      </c>
      <c r="C173" s="306" t="s">
        <v>857</v>
      </c>
      <c r="D173" s="307" t="s">
        <v>858</v>
      </c>
    </row>
    <row r="174" spans="1:4" ht="14.25" customHeight="1" x14ac:dyDescent="0.2">
      <c r="A174" s="149"/>
      <c r="B174" s="295"/>
      <c r="C174" s="308"/>
      <c r="D174" s="309"/>
    </row>
    <row r="175" spans="1:4" ht="14.25" customHeight="1" x14ac:dyDescent="0.2">
      <c r="A175" s="149"/>
      <c r="B175" s="132" t="s">
        <v>204</v>
      </c>
      <c r="C175" s="127"/>
      <c r="D175" s="128" t="s">
        <v>785</v>
      </c>
    </row>
    <row r="176" spans="1:4" ht="14.25" customHeight="1" x14ac:dyDescent="0.2">
      <c r="A176" s="149"/>
      <c r="B176" s="272">
        <v>53</v>
      </c>
      <c r="C176" s="116" t="s">
        <v>786</v>
      </c>
      <c r="D176" s="52" t="s">
        <v>203</v>
      </c>
    </row>
    <row r="177" spans="1:4" ht="14.25" customHeight="1" x14ac:dyDescent="0.2">
      <c r="A177" s="149"/>
      <c r="B177" s="118">
        <v>54</v>
      </c>
      <c r="C177" s="117" t="s">
        <v>202</v>
      </c>
      <c r="D177" s="25" t="s">
        <v>201</v>
      </c>
    </row>
    <row r="178" spans="1:4" ht="14.25" customHeight="1" x14ac:dyDescent="0.2">
      <c r="A178" s="149"/>
      <c r="B178" s="272">
        <v>55</v>
      </c>
      <c r="C178" s="117" t="s">
        <v>200</v>
      </c>
      <c r="D178" s="25" t="s">
        <v>787</v>
      </c>
    </row>
    <row r="179" spans="1:4" ht="14.25" customHeight="1" x14ac:dyDescent="0.2">
      <c r="A179" s="149"/>
      <c r="B179" s="272">
        <v>56</v>
      </c>
      <c r="C179" s="117" t="s">
        <v>199</v>
      </c>
      <c r="D179" s="25" t="s">
        <v>198</v>
      </c>
    </row>
    <row r="180" spans="1:4" ht="14.25" customHeight="1" x14ac:dyDescent="0.2">
      <c r="A180" s="149"/>
      <c r="B180" s="118">
        <v>57</v>
      </c>
      <c r="C180" s="117" t="s">
        <v>859</v>
      </c>
      <c r="D180" s="310" t="s">
        <v>860</v>
      </c>
    </row>
    <row r="181" spans="1:4" ht="14.25" customHeight="1" x14ac:dyDescent="0.2">
      <c r="A181" s="149"/>
      <c r="B181" s="272">
        <v>58</v>
      </c>
      <c r="C181" s="311" t="s">
        <v>861</v>
      </c>
      <c r="D181" s="310" t="s">
        <v>862</v>
      </c>
    </row>
    <row r="182" spans="1:4" ht="14.25" customHeight="1" x14ac:dyDescent="0.2">
      <c r="A182" s="149"/>
      <c r="B182" s="272"/>
      <c r="C182" s="136"/>
      <c r="D182" s="137"/>
    </row>
    <row r="183" spans="1:4" ht="14.25" customHeight="1" x14ac:dyDescent="0.2">
      <c r="A183" s="149"/>
      <c r="B183" s="132" t="s">
        <v>197</v>
      </c>
      <c r="C183" s="127"/>
      <c r="D183" s="128" t="s">
        <v>774</v>
      </c>
    </row>
    <row r="184" spans="1:4" ht="14.25" customHeight="1" x14ac:dyDescent="0.2">
      <c r="A184" s="149"/>
      <c r="B184" s="272">
        <v>59</v>
      </c>
      <c r="C184" s="116" t="s">
        <v>196</v>
      </c>
      <c r="D184" s="52" t="s">
        <v>877</v>
      </c>
    </row>
    <row r="185" spans="1:4" ht="14.25" customHeight="1" x14ac:dyDescent="0.2">
      <c r="A185" s="149"/>
      <c r="B185" s="118">
        <v>60</v>
      </c>
      <c r="C185" s="146" t="s">
        <v>195</v>
      </c>
      <c r="D185" s="35" t="s">
        <v>194</v>
      </c>
    </row>
    <row r="186" spans="1:4" ht="14.25" customHeight="1" x14ac:dyDescent="0.2">
      <c r="A186" s="149"/>
      <c r="B186" s="272">
        <v>61</v>
      </c>
      <c r="C186" s="117" t="s">
        <v>788</v>
      </c>
      <c r="D186" s="25" t="s">
        <v>789</v>
      </c>
    </row>
    <row r="187" spans="1:4" ht="14.25" customHeight="1" x14ac:dyDescent="0.2">
      <c r="A187" s="149"/>
      <c r="B187" s="118">
        <v>62</v>
      </c>
      <c r="C187" s="117" t="s">
        <v>193</v>
      </c>
      <c r="D187" s="25" t="s">
        <v>790</v>
      </c>
    </row>
    <row r="188" spans="1:4" ht="14.25" customHeight="1" x14ac:dyDescent="0.2">
      <c r="A188" s="149"/>
      <c r="B188" s="272">
        <v>63</v>
      </c>
      <c r="C188" s="146" t="s">
        <v>192</v>
      </c>
      <c r="D188" s="23" t="s">
        <v>191</v>
      </c>
    </row>
    <row r="189" spans="1:4" ht="14.25" customHeight="1" x14ac:dyDescent="0.2">
      <c r="A189" s="149"/>
      <c r="B189" s="118">
        <v>64</v>
      </c>
      <c r="C189" s="117" t="s">
        <v>190</v>
      </c>
      <c r="D189" s="25" t="s">
        <v>189</v>
      </c>
    </row>
    <row r="190" spans="1:4" ht="14.25" customHeight="1" x14ac:dyDescent="0.2">
      <c r="A190" s="149"/>
      <c r="B190" s="272">
        <v>65</v>
      </c>
      <c r="C190" s="146" t="s">
        <v>188</v>
      </c>
      <c r="D190" s="48" t="s">
        <v>187</v>
      </c>
    </row>
    <row r="191" spans="1:4" ht="14.25" customHeight="1" x14ac:dyDescent="0.2">
      <c r="A191" s="149"/>
      <c r="B191" s="147"/>
      <c r="C191" s="140"/>
      <c r="D191" s="32"/>
    </row>
    <row r="192" spans="1:4" ht="14.25" customHeight="1" x14ac:dyDescent="0.2">
      <c r="A192" s="149"/>
      <c r="B192" s="148"/>
      <c r="C192" s="149"/>
      <c r="D192" s="114" t="s">
        <v>186</v>
      </c>
    </row>
  </sheetData>
  <mergeCells count="5">
    <mergeCell ref="B5:C5"/>
    <mergeCell ref="B18:B34"/>
    <mergeCell ref="B63:C63"/>
    <mergeCell ref="B104:C104"/>
    <mergeCell ref="B159:C159"/>
  </mergeCells>
  <phoneticPr fontId="4"/>
  <pageMargins left="0.74803149606299213" right="0.78740157480314965" top="0.59055118110236227" bottom="0.59055118110236227" header="0.51181102362204722" footer="0.19685039370078741"/>
  <pageSetup paperSize="9" firstPageNumber="55" fitToHeight="0" orientation="portrait" blackAndWhite="1" useFirstPageNumber="1" r:id="rId1"/>
  <headerFooter scaleWithDoc="0" alignWithMargins="0">
    <oddFooter xml:space="preserve">&amp;C&amp;P </oddFooter>
    <firstFooter>&amp;C&amp;"ＭＳ ゴシック,標準"&amp;14 53</firstFooter>
  </headerFooter>
  <rowBreaks count="3" manualBreakCount="3">
    <brk id="61" max="3" man="1"/>
    <brk id="102" max="3" man="1"/>
    <brk id="157" max="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10(1)管内まつり暦</vt:lpstr>
      <vt:lpstr>10(２)大規模小売店</vt:lpstr>
      <vt:lpstr>10(３)観光施設一覧</vt:lpstr>
      <vt:lpstr>'10(1)管内まつり暦'!Print_Area</vt:lpstr>
      <vt:lpstr>'10(２)大規模小売店'!Print_Area</vt:lpstr>
      <vt:lpstr>'10(３)観光施設一覧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3-07-27T04:16:19Z</cp:lastPrinted>
  <dcterms:created xsi:type="dcterms:W3CDTF">1999-05-13T05:22:10Z</dcterms:created>
  <dcterms:modified xsi:type="dcterms:W3CDTF">2023-08-09T05:51:07Z</dcterms:modified>
</cp:coreProperties>
</file>